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03\02_調整G\02_住基\01_住基\02_調査\02_住民基本台帳年報\R6.1.1\08-1_ホームページ（速報）\"/>
    </mc:Choice>
  </mc:AlternateContent>
  <bookViews>
    <workbookView xWindow="0" yWindow="4050" windowWidth="28710" windowHeight="525"/>
  </bookViews>
  <sheets>
    <sheet name="Sheet1" sheetId="1" r:id="rId1"/>
  </sheets>
  <definedNames>
    <definedName name="_xlnm.Print_Area" localSheetId="0">Sheet1!$A$1:$BQ$190</definedName>
    <definedName name="_xlnm.Print_Titles" localSheetId="0">Sheet1!$A:$C,Sheet1!$3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2" uniqueCount="94">
  <si>
    <t xml:space="preserve">  　　区分</t>
  </si>
  <si>
    <t>性</t>
  </si>
  <si>
    <t>総　　数</t>
  </si>
  <si>
    <t>0～4歳</t>
  </si>
  <si>
    <t>5～9歳</t>
  </si>
  <si>
    <t>10～14歳</t>
  </si>
  <si>
    <t>15～19歳</t>
  </si>
  <si>
    <t>20～24歳</t>
  </si>
  <si>
    <t>25～29歳</t>
  </si>
  <si>
    <t>30～34歳</t>
  </si>
  <si>
    <t>35～39歳</t>
  </si>
  <si>
    <t>40～44歳</t>
  </si>
  <si>
    <t>45～49歳</t>
  </si>
  <si>
    <t>50～54歳</t>
  </si>
  <si>
    <t>55～59歳</t>
  </si>
  <si>
    <t>60～64歳</t>
  </si>
  <si>
    <t>65～69歳</t>
  </si>
  <si>
    <t>70～74歳</t>
  </si>
  <si>
    <t>75～79歳</t>
  </si>
  <si>
    <t>80～84歳</t>
    <phoneticPr fontId="2"/>
  </si>
  <si>
    <t>85～89歳</t>
    <phoneticPr fontId="2"/>
  </si>
  <si>
    <t>90～94歳</t>
    <phoneticPr fontId="2"/>
  </si>
  <si>
    <t>95～99歳</t>
    <phoneticPr fontId="2"/>
  </si>
  <si>
    <t>100歳以上</t>
    <phoneticPr fontId="2"/>
  </si>
  <si>
    <t>団体名</t>
  </si>
  <si>
    <t>別</t>
  </si>
  <si>
    <t>日本人</t>
    <rPh sb="0" eb="3">
      <t>ニホンジン</t>
    </rPh>
    <phoneticPr fontId="2"/>
  </si>
  <si>
    <t>外国人</t>
    <rPh sb="0" eb="2">
      <t>ガイコク</t>
    </rPh>
    <rPh sb="2" eb="3">
      <t>ジン</t>
    </rPh>
    <phoneticPr fontId="2"/>
  </si>
  <si>
    <t>計</t>
    <rPh sb="0" eb="1">
      <t>ケイ</t>
    </rPh>
    <phoneticPr fontId="2"/>
  </si>
  <si>
    <t>男</t>
  </si>
  <si>
    <t>神奈川県計</t>
  </si>
  <si>
    <t>女</t>
  </si>
  <si>
    <t>計</t>
  </si>
  <si>
    <t>横浜市</t>
  </si>
  <si>
    <t>鶴見区</t>
  </si>
  <si>
    <t>神奈川区</t>
  </si>
  <si>
    <t>西区</t>
  </si>
  <si>
    <t>中区</t>
  </si>
  <si>
    <t>南区</t>
  </si>
  <si>
    <t>保土ヶ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 xml:space="preserve"> 団体
コード</t>
    <phoneticPr fontId="1"/>
  </si>
  <si>
    <t>市町村、男女、年齢階級別人口（2024(令和６)年１月１日現在）</t>
    <rPh sb="20" eb="22">
      <t>レイワ</t>
    </rPh>
    <rPh sb="24" eb="25">
      <t>ネン</t>
    </rPh>
    <rPh sb="26" eb="27">
      <t>ガツ</t>
    </rPh>
    <rPh sb="28" eb="29">
      <t>ニチ</t>
    </rPh>
    <rPh sb="29" eb="31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7"/>
      <name val="ＭＳ Ｐ明朝"/>
      <family val="1"/>
      <charset val="128"/>
    </font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ゴシック"/>
      <family val="3"/>
      <charset val="128"/>
    </font>
    <font>
      <sz val="12"/>
      <name val="ＭＳ 明朝"/>
      <family val="2"/>
      <charset val="128"/>
    </font>
    <font>
      <sz val="12"/>
      <color theme="1"/>
      <name val="ＭＳ 明朝"/>
      <family val="2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8"/>
      </left>
      <right/>
      <top style="medium">
        <color indexed="8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 style="thin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 style="medium">
        <color indexed="8"/>
      </top>
      <bottom style="thin">
        <color indexed="8"/>
      </bottom>
      <diagonal/>
    </border>
    <border>
      <left/>
      <right style="thin">
        <color indexed="8"/>
      </right>
      <top style="medium">
        <color indexed="8"/>
      </top>
      <bottom style="thin">
        <color indexed="8"/>
      </bottom>
      <diagonal/>
    </border>
    <border>
      <left/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/>
      <top/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8"/>
      </bottom>
      <diagonal/>
    </border>
    <border>
      <left style="thin">
        <color indexed="8"/>
      </left>
      <right/>
      <top style="thin">
        <color indexed="8"/>
      </top>
      <bottom style="medium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/>
      <top/>
      <bottom/>
      <diagonal/>
    </border>
    <border>
      <left style="medium">
        <color indexed="8"/>
      </left>
      <right style="medium">
        <color indexed="8"/>
      </right>
      <top style="medium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8"/>
      </bottom>
      <diagonal/>
    </border>
    <border>
      <left style="medium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medium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thin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64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 style="thin">
        <color indexed="8"/>
      </top>
      <bottom style="medium">
        <color indexed="64"/>
      </bottom>
      <diagonal/>
    </border>
    <border>
      <left style="medium">
        <color indexed="8"/>
      </left>
      <right style="medium">
        <color indexed="8"/>
      </right>
      <top/>
      <bottom style="thin">
        <color indexed="8"/>
      </bottom>
      <diagonal/>
    </border>
    <border>
      <left style="medium">
        <color indexed="8"/>
      </left>
      <right style="medium">
        <color indexed="8"/>
      </right>
      <top/>
      <bottom style="medium">
        <color indexed="8"/>
      </bottom>
      <diagonal/>
    </border>
    <border>
      <left style="medium">
        <color indexed="8"/>
      </left>
      <right style="medium">
        <color indexed="8"/>
      </right>
      <top style="medium">
        <color indexed="8"/>
      </top>
      <bottom/>
      <diagonal/>
    </border>
    <border>
      <left style="medium">
        <color indexed="8"/>
      </left>
      <right style="medium">
        <color indexed="8"/>
      </right>
      <top/>
      <bottom/>
      <diagonal/>
    </border>
    <border>
      <left style="medium">
        <color indexed="8"/>
      </left>
      <right style="medium">
        <color indexed="8"/>
      </right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3" fillId="0" borderId="0"/>
    <xf numFmtId="38" fontId="3" fillId="0" borderId="0" applyFont="0" applyFill="0" applyBorder="0" applyAlignment="0" applyProtection="0"/>
    <xf numFmtId="38" fontId="7" fillId="0" borderId="0" applyFont="0" applyFill="0" applyBorder="0" applyAlignment="0" applyProtection="0">
      <alignment vertical="center"/>
    </xf>
  </cellStyleXfs>
  <cellXfs count="80">
    <xf numFmtId="0" fontId="0" fillId="0" borderId="0" xfId="0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horizontal="left" vertical="center"/>
    </xf>
    <xf numFmtId="0" fontId="4" fillId="0" borderId="0" xfId="0" applyFont="1" applyAlignment="1" applyProtection="1">
      <alignment vertical="center"/>
    </xf>
    <xf numFmtId="0" fontId="4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right" vertical="center"/>
    </xf>
    <xf numFmtId="0" fontId="4" fillId="0" borderId="1" xfId="0" applyFont="1" applyBorder="1" applyAlignment="1" applyProtection="1">
      <alignment horizontal="center" vertical="center"/>
    </xf>
    <xf numFmtId="0" fontId="4" fillId="0" borderId="4" xfId="0" applyFont="1" applyBorder="1" applyAlignment="1" applyProtection="1">
      <alignment horizontal="center" vertical="center"/>
    </xf>
    <xf numFmtId="0" fontId="4" fillId="0" borderId="5" xfId="0" applyFont="1" applyBorder="1" applyAlignment="1" applyProtection="1">
      <alignment horizontal="center" vertical="center"/>
    </xf>
    <xf numFmtId="0" fontId="4" fillId="0" borderId="6" xfId="0" applyFont="1" applyBorder="1" applyAlignment="1" applyProtection="1">
      <alignment horizontal="center" vertical="center"/>
    </xf>
    <xf numFmtId="0" fontId="4" fillId="0" borderId="7" xfId="0" applyFont="1" applyBorder="1" applyAlignment="1" applyProtection="1">
      <alignment horizontal="center" vertical="center"/>
    </xf>
    <xf numFmtId="0" fontId="4" fillId="0" borderId="8" xfId="0" applyFont="1" applyBorder="1" applyAlignment="1" applyProtection="1">
      <alignment horizontal="center" vertical="center"/>
    </xf>
    <xf numFmtId="0" fontId="4" fillId="0" borderId="9" xfId="0" applyFont="1" applyBorder="1" applyAlignment="1" applyProtection="1">
      <alignment vertical="center"/>
    </xf>
    <xf numFmtId="0" fontId="4" fillId="0" borderId="9" xfId="0" applyFont="1" applyBorder="1" applyAlignment="1" applyProtection="1">
      <alignment horizontal="center" vertical="center"/>
    </xf>
    <xf numFmtId="0" fontId="4" fillId="0" borderId="10" xfId="0" applyFont="1" applyBorder="1" applyAlignment="1" applyProtection="1">
      <alignment horizontal="center" vertical="center"/>
    </xf>
    <xf numFmtId="0" fontId="4" fillId="0" borderId="11" xfId="0" applyFont="1" applyBorder="1" applyAlignment="1" applyProtection="1">
      <alignment horizontal="center" vertical="center"/>
    </xf>
    <xf numFmtId="0" fontId="4" fillId="0" borderId="12" xfId="0" applyFont="1" applyBorder="1" applyAlignment="1" applyProtection="1">
      <alignment horizontal="center" vertical="center"/>
    </xf>
    <xf numFmtId="0" fontId="4" fillId="0" borderId="13" xfId="0" applyFont="1" applyBorder="1" applyAlignment="1" applyProtection="1">
      <alignment horizontal="center" vertical="center"/>
    </xf>
    <xf numFmtId="0" fontId="4" fillId="0" borderId="14" xfId="0" applyFont="1" applyFill="1" applyBorder="1" applyAlignment="1" applyProtection="1">
      <alignment vertical="center"/>
    </xf>
    <xf numFmtId="0" fontId="4" fillId="0" borderId="15" xfId="0" applyFont="1" applyFill="1" applyBorder="1" applyAlignment="1" applyProtection="1">
      <alignment horizontal="center" vertical="center"/>
    </xf>
    <xf numFmtId="37" fontId="4" fillId="0" borderId="16" xfId="0" applyNumberFormat="1" applyFont="1" applyBorder="1" applyAlignment="1" applyProtection="1">
      <alignment vertical="center"/>
    </xf>
    <xf numFmtId="37" fontId="4" fillId="0" borderId="2" xfId="0" applyNumberFormat="1" applyFont="1" applyBorder="1" applyAlignment="1" applyProtection="1">
      <alignment vertical="center"/>
    </xf>
    <xf numFmtId="37" fontId="4" fillId="0" borderId="3" xfId="0" applyNumberFormat="1" applyFont="1" applyBorder="1" applyAlignment="1" applyProtection="1">
      <alignment vertical="center"/>
    </xf>
    <xf numFmtId="0" fontId="4" fillId="0" borderId="14" xfId="0" applyFont="1" applyFill="1" applyBorder="1" applyAlignment="1" applyProtection="1">
      <alignment horizontal="left" vertical="center"/>
    </xf>
    <xf numFmtId="0" fontId="4" fillId="0" borderId="17" xfId="0" applyFont="1" applyFill="1" applyBorder="1" applyAlignment="1" applyProtection="1">
      <alignment horizontal="center" vertical="center"/>
    </xf>
    <xf numFmtId="37" fontId="4" fillId="0" borderId="18" xfId="0" applyNumberFormat="1" applyFont="1" applyBorder="1" applyAlignment="1" applyProtection="1">
      <alignment vertical="center"/>
    </xf>
    <xf numFmtId="37" fontId="4" fillId="0" borderId="19" xfId="0" applyNumberFormat="1" applyFont="1" applyBorder="1" applyAlignment="1" applyProtection="1">
      <alignment vertical="center"/>
    </xf>
    <xf numFmtId="37" fontId="4" fillId="0" borderId="20" xfId="0" applyNumberFormat="1" applyFont="1" applyBorder="1" applyAlignment="1" applyProtection="1">
      <alignment vertical="center"/>
    </xf>
    <xf numFmtId="37" fontId="4" fillId="0" borderId="21" xfId="0" applyNumberFormat="1" applyFont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4" fillId="0" borderId="22" xfId="0" applyFont="1" applyFill="1" applyBorder="1" applyAlignment="1" applyProtection="1">
      <alignment horizontal="center" vertical="center"/>
    </xf>
    <xf numFmtId="37" fontId="4" fillId="0" borderId="10" xfId="0" applyNumberFormat="1" applyFont="1" applyBorder="1" applyAlignment="1" applyProtection="1">
      <alignment vertical="center"/>
    </xf>
    <xf numFmtId="37" fontId="4" fillId="0" borderId="12" xfId="0" applyNumberFormat="1" applyFont="1" applyBorder="1" applyAlignment="1" applyProtection="1">
      <alignment vertical="center"/>
    </xf>
    <xf numFmtId="37" fontId="4" fillId="0" borderId="11" xfId="0" applyNumberFormat="1" applyFont="1" applyBorder="1" applyAlignment="1" applyProtection="1">
      <alignment vertical="center"/>
    </xf>
    <xf numFmtId="37" fontId="4" fillId="0" borderId="13" xfId="0" applyNumberFormat="1" applyFont="1" applyBorder="1" applyAlignment="1" applyProtection="1">
      <alignment vertical="center"/>
    </xf>
    <xf numFmtId="37" fontId="4" fillId="0" borderId="23" xfId="0" applyNumberFormat="1" applyFont="1" applyBorder="1" applyAlignment="1" applyProtection="1">
      <alignment vertical="center"/>
    </xf>
    <xf numFmtId="37" fontId="4" fillId="0" borderId="24" xfId="0" applyNumberFormat="1" applyFont="1" applyBorder="1" applyAlignment="1" applyProtection="1">
      <alignment vertical="center"/>
    </xf>
    <xf numFmtId="37" fontId="4" fillId="0" borderId="25" xfId="0" applyNumberFormat="1" applyFont="1" applyFill="1" applyBorder="1" applyAlignment="1" applyProtection="1">
      <alignment vertical="center"/>
    </xf>
    <xf numFmtId="37" fontId="4" fillId="0" borderId="25" xfId="0" applyNumberFormat="1" applyFont="1" applyBorder="1" applyAlignment="1" applyProtection="1">
      <alignment vertical="center"/>
    </xf>
    <xf numFmtId="37" fontId="4" fillId="0" borderId="26" xfId="0" applyNumberFormat="1" applyFont="1" applyFill="1" applyBorder="1" applyAlignment="1" applyProtection="1">
      <alignment vertical="center"/>
    </xf>
    <xf numFmtId="37" fontId="4" fillId="0" borderId="27" xfId="0" applyNumberFormat="1" applyFont="1" applyBorder="1" applyAlignment="1" applyProtection="1">
      <alignment vertical="center"/>
    </xf>
    <xf numFmtId="37" fontId="4" fillId="0" borderId="20" xfId="0" applyNumberFormat="1" applyFont="1" applyFill="1" applyBorder="1" applyAlignment="1" applyProtection="1">
      <alignment vertical="center"/>
    </xf>
    <xf numFmtId="37" fontId="4" fillId="0" borderId="21" xfId="0" applyNumberFormat="1" applyFont="1" applyFill="1" applyBorder="1" applyAlignment="1" applyProtection="1">
      <alignment vertical="center"/>
    </xf>
    <xf numFmtId="0" fontId="4" fillId="0" borderId="28" xfId="0" applyFont="1" applyFill="1" applyBorder="1" applyAlignment="1" applyProtection="1">
      <alignment horizontal="left" vertical="center"/>
    </xf>
    <xf numFmtId="37" fontId="4" fillId="0" borderId="29" xfId="0" applyNumberFormat="1" applyFont="1" applyFill="1" applyBorder="1" applyAlignment="1" applyProtection="1">
      <alignment vertical="center"/>
    </xf>
    <xf numFmtId="37" fontId="4" fillId="0" borderId="30" xfId="0" applyNumberFormat="1" applyFont="1" applyFill="1" applyBorder="1" applyAlignment="1" applyProtection="1">
      <alignment vertical="center"/>
    </xf>
    <xf numFmtId="37" fontId="4" fillId="0" borderId="11" xfId="0" applyNumberFormat="1" applyFont="1" applyFill="1" applyBorder="1" applyAlignment="1" applyProtection="1">
      <alignment vertical="center"/>
    </xf>
    <xf numFmtId="37" fontId="4" fillId="0" borderId="31" xfId="0" applyNumberFormat="1" applyFont="1" applyFill="1" applyBorder="1" applyAlignment="1" applyProtection="1">
      <alignment vertical="center"/>
    </xf>
    <xf numFmtId="37" fontId="4" fillId="0" borderId="13" xfId="0" applyNumberFormat="1" applyFont="1" applyFill="1" applyBorder="1" applyAlignment="1" applyProtection="1">
      <alignment vertical="center"/>
    </xf>
    <xf numFmtId="0" fontId="4" fillId="0" borderId="14" xfId="0" applyFont="1" applyFill="1" applyBorder="1" applyAlignment="1" applyProtection="1">
      <alignment horizontal="center" vertical="center"/>
    </xf>
    <xf numFmtId="37" fontId="4" fillId="0" borderId="25" xfId="0" applyNumberFormat="1" applyFont="1" applyBorder="1" applyAlignment="1" applyProtection="1">
      <alignment vertical="center"/>
      <protection locked="0"/>
    </xf>
    <xf numFmtId="0" fontId="4" fillId="0" borderId="14" xfId="0" applyFont="1" applyFill="1" applyBorder="1" applyAlignment="1" applyProtection="1">
      <alignment horizontal="right" vertical="center"/>
    </xf>
    <xf numFmtId="0" fontId="4" fillId="0" borderId="28" xfId="0" applyFont="1" applyFill="1" applyBorder="1" applyAlignment="1" applyProtection="1">
      <alignment horizontal="right" vertical="center"/>
    </xf>
    <xf numFmtId="0" fontId="4" fillId="0" borderId="32" xfId="0" applyFont="1" applyFill="1" applyBorder="1" applyAlignment="1" applyProtection="1">
      <alignment horizontal="center" vertical="center"/>
    </xf>
    <xf numFmtId="0" fontId="4" fillId="0" borderId="33" xfId="0" applyFont="1" applyFill="1" applyBorder="1" applyAlignment="1" applyProtection="1">
      <alignment horizontal="center" vertical="center"/>
    </xf>
    <xf numFmtId="37" fontId="4" fillId="0" borderId="2" xfId="0" applyNumberFormat="1" applyFont="1" applyBorder="1" applyAlignment="1" applyProtection="1">
      <alignment vertical="center"/>
      <protection locked="0"/>
    </xf>
    <xf numFmtId="37" fontId="4" fillId="0" borderId="19" xfId="0" applyNumberFormat="1" applyFont="1" applyBorder="1" applyAlignment="1" applyProtection="1">
      <alignment vertical="center"/>
      <protection locked="0"/>
    </xf>
    <xf numFmtId="0" fontId="4" fillId="0" borderId="28" xfId="0" applyFont="1" applyFill="1" applyBorder="1" applyAlignment="1" applyProtection="1">
      <alignment vertical="center"/>
    </xf>
    <xf numFmtId="37" fontId="4" fillId="0" borderId="25" xfId="0" applyNumberFormat="1" applyFont="1" applyBorder="1" applyAlignment="1" applyProtection="1">
      <alignment horizontal="right" vertical="center"/>
      <protection locked="0"/>
    </xf>
    <xf numFmtId="0" fontId="4" fillId="0" borderId="34" xfId="0" applyFont="1" applyFill="1" applyBorder="1" applyAlignment="1" applyProtection="1">
      <alignment vertical="center"/>
    </xf>
    <xf numFmtId="37" fontId="4" fillId="0" borderId="10" xfId="0" applyNumberFormat="1" applyFont="1" applyFill="1" applyBorder="1" applyAlignment="1" applyProtection="1">
      <alignment vertical="center"/>
    </xf>
    <xf numFmtId="37" fontId="4" fillId="0" borderId="11" xfId="0" applyNumberFormat="1" applyFont="1" applyFill="1" applyBorder="1" applyAlignment="1" applyProtection="1">
      <alignment horizontal="right" vertical="center"/>
    </xf>
    <xf numFmtId="0" fontId="4" fillId="0" borderId="0" xfId="0" applyFont="1" applyAlignment="1">
      <alignment horizontal="center" vertical="center"/>
    </xf>
    <xf numFmtId="38" fontId="4" fillId="0" borderId="0" xfId="3" applyFont="1" applyAlignment="1">
      <alignment vertical="center"/>
    </xf>
    <xf numFmtId="38" fontId="4" fillId="0" borderId="0" xfId="0" applyNumberFormat="1" applyFont="1" applyAlignment="1">
      <alignment vertical="center"/>
    </xf>
    <xf numFmtId="0" fontId="4" fillId="0" borderId="35" xfId="0" applyFont="1" applyFill="1" applyBorder="1" applyAlignment="1" applyProtection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37" xfId="0" applyFont="1" applyFill="1" applyBorder="1" applyAlignment="1" applyProtection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34" xfId="0" applyFont="1" applyBorder="1" applyAlignment="1">
      <alignment horizontal="center" vertical="center"/>
    </xf>
    <xf numFmtId="0" fontId="4" fillId="0" borderId="37" xfId="0" applyFont="1" applyFill="1" applyBorder="1" applyAlignment="1" applyProtection="1">
      <alignment horizontal="center" vertical="center" wrapText="1"/>
    </xf>
    <xf numFmtId="0" fontId="4" fillId="0" borderId="36" xfId="0" applyFont="1" applyBorder="1" applyAlignment="1">
      <alignment horizontal="center" vertical="center" wrapText="1"/>
    </xf>
    <xf numFmtId="0" fontId="4" fillId="0" borderId="34" xfId="0" applyFont="1" applyBorder="1" applyAlignment="1">
      <alignment horizontal="center" vertical="center" wrapText="1"/>
    </xf>
    <xf numFmtId="0" fontId="4" fillId="0" borderId="0" xfId="0" applyFont="1" applyAlignment="1" applyProtection="1">
      <alignment horizontal="center" vertical="center"/>
    </xf>
    <xf numFmtId="0" fontId="4" fillId="0" borderId="1" xfId="0" applyFont="1" applyBorder="1" applyAlignment="1" applyProtection="1">
      <alignment horizontal="center" vertical="center" wrapText="1"/>
    </xf>
    <xf numFmtId="0" fontId="4" fillId="0" borderId="9" xfId="0" applyFont="1" applyBorder="1" applyAlignment="1" applyProtection="1">
      <alignment horizontal="center" vertical="center" wrapText="1"/>
    </xf>
  </cellXfs>
  <cellStyles count="4">
    <cellStyle name="桁区切り" xfId="3" builtinId="6"/>
    <cellStyle name="桁区切り 2" xfId="2"/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0000FF"/>
      <color rgb="FF00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2</xdr:row>
      <xdr:rowOff>0</xdr:rowOff>
    </xdr:from>
    <xdr:to>
      <xdr:col>1</xdr:col>
      <xdr:colOff>0</xdr:colOff>
      <xdr:row>3</xdr:row>
      <xdr:rowOff>219075</xdr:rowOff>
    </xdr:to>
    <xdr:cxnSp macro="">
      <xdr:nvCxnSpPr>
        <xdr:cNvPr id="2" name="直線コネクタ 2"/>
        <xdr:cNvCxnSpPr>
          <a:cxnSpLocks noChangeShapeType="1"/>
        </xdr:cNvCxnSpPr>
      </xdr:nvCxnSpPr>
      <xdr:spPr bwMode="auto">
        <a:xfrm>
          <a:off x="371475" y="1323975"/>
          <a:ext cx="1495425" cy="438150"/>
        </a:xfrm>
        <a:prstGeom prst="lin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T190"/>
  <sheetViews>
    <sheetView tabSelected="1" view="pageBreakPreview" zoomScale="95" zoomScaleNormal="100" zoomScaleSheetLayoutView="95" workbookViewId="0"/>
  </sheetViews>
  <sheetFormatPr defaultColWidth="9" defaultRowHeight="14.25" x14ac:dyDescent="0.15"/>
  <cols>
    <col min="1" max="1" width="11.5" style="1" customWidth="1"/>
    <col min="2" max="2" width="5.75" style="1" customWidth="1"/>
    <col min="3" max="3" width="7.5" style="64" customWidth="1"/>
    <col min="4" max="4" width="10.625" style="1" customWidth="1"/>
    <col min="5" max="5" width="10.125" style="1" customWidth="1"/>
    <col min="6" max="6" width="10.625" style="1" customWidth="1"/>
    <col min="7" max="69" width="8.625" style="1" customWidth="1"/>
    <col min="70" max="71" width="10.875" style="65" bestFit="1" customWidth="1"/>
    <col min="72" max="16384" width="9" style="1"/>
  </cols>
  <sheetData>
    <row r="1" spans="1:72" x14ac:dyDescent="0.15">
      <c r="B1" s="2"/>
      <c r="C1" s="2"/>
      <c r="D1" s="2" t="s">
        <v>93</v>
      </c>
      <c r="E1" s="2"/>
      <c r="F1" s="2"/>
      <c r="G1" s="2"/>
      <c r="H1" s="2"/>
      <c r="I1" s="2"/>
      <c r="J1" s="2"/>
      <c r="K1" s="3"/>
      <c r="L1" s="3"/>
      <c r="M1" s="4"/>
      <c r="N1" s="4"/>
      <c r="O1" s="4"/>
      <c r="P1" s="4"/>
      <c r="Q1" s="4"/>
      <c r="R1" s="4"/>
      <c r="S1" s="4"/>
      <c r="T1" s="4"/>
      <c r="U1" s="4"/>
      <c r="V1" s="5"/>
      <c r="W1" s="5"/>
      <c r="X1" s="5"/>
      <c r="Y1" s="5"/>
      <c r="Z1" s="5"/>
      <c r="AA1" s="5"/>
      <c r="AB1" s="4"/>
      <c r="AC1" s="4"/>
      <c r="AD1" s="4"/>
      <c r="AE1" s="4"/>
      <c r="AF1" s="4"/>
      <c r="AG1" s="4"/>
      <c r="AH1" s="4"/>
      <c r="AI1" s="4"/>
      <c r="AJ1" s="4"/>
      <c r="AK1" s="4"/>
      <c r="AL1" s="4"/>
      <c r="AM1" s="4"/>
      <c r="AN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5"/>
      <c r="BB1" s="5"/>
      <c r="BC1" s="5"/>
      <c r="BD1" s="5"/>
      <c r="BE1" s="4"/>
      <c r="BF1" s="4"/>
      <c r="BG1" s="4"/>
      <c r="BH1" s="4"/>
      <c r="BI1" s="4"/>
      <c r="BJ1" s="4"/>
      <c r="BK1" s="4"/>
      <c r="BL1" s="4"/>
      <c r="BM1" s="5"/>
      <c r="BN1" s="5"/>
      <c r="BO1" s="5"/>
      <c r="BP1" s="5"/>
      <c r="BQ1" s="6"/>
    </row>
    <row r="2" spans="1:72" ht="15" thickBot="1" x14ac:dyDescent="0.2">
      <c r="A2" s="77"/>
      <c r="B2" s="77"/>
      <c r="C2" s="77"/>
      <c r="D2" s="3"/>
      <c r="E2" s="3"/>
      <c r="F2" s="3"/>
      <c r="G2" s="3"/>
      <c r="H2" s="3"/>
      <c r="I2" s="3"/>
      <c r="J2" s="3"/>
      <c r="K2" s="3"/>
      <c r="L2" s="3"/>
      <c r="M2" s="4"/>
      <c r="N2" s="4"/>
      <c r="O2" s="4"/>
      <c r="P2" s="4"/>
      <c r="Q2" s="4"/>
      <c r="R2" s="4"/>
      <c r="S2" s="4"/>
      <c r="T2" s="4"/>
      <c r="U2" s="4"/>
      <c r="V2" s="5"/>
      <c r="W2" s="5"/>
      <c r="X2" s="5"/>
      <c r="Y2" s="5"/>
      <c r="Z2" s="5"/>
      <c r="AA2" s="5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4"/>
      <c r="AQ2" s="4"/>
      <c r="AR2" s="4"/>
      <c r="AS2" s="4"/>
      <c r="AT2" s="4"/>
      <c r="AU2" s="4"/>
      <c r="AV2" s="4"/>
      <c r="AW2" s="5"/>
      <c r="AX2" s="5"/>
      <c r="AY2" s="5"/>
      <c r="AZ2" s="5"/>
      <c r="BA2" s="5"/>
      <c r="BB2" s="5"/>
      <c r="BC2" s="4"/>
      <c r="BD2" s="4"/>
      <c r="BE2" s="4"/>
      <c r="BF2" s="4"/>
      <c r="BG2" s="4"/>
      <c r="BH2" s="4"/>
      <c r="BI2" s="5"/>
      <c r="BJ2" s="5"/>
      <c r="BK2" s="5"/>
      <c r="BL2" s="5"/>
      <c r="BM2" s="5"/>
      <c r="BN2" s="5"/>
      <c r="BO2" s="4"/>
      <c r="BP2" s="4"/>
      <c r="BQ2" s="4"/>
    </row>
    <row r="3" spans="1:72" x14ac:dyDescent="0.15">
      <c r="A3" s="7" t="s">
        <v>0</v>
      </c>
      <c r="B3" s="8" t="s">
        <v>1</v>
      </c>
      <c r="C3" s="78" t="s">
        <v>92</v>
      </c>
      <c r="D3" s="9" t="s">
        <v>2</v>
      </c>
      <c r="E3" s="10"/>
      <c r="F3" s="10"/>
      <c r="G3" s="11" t="s">
        <v>3</v>
      </c>
      <c r="H3" s="10"/>
      <c r="I3" s="10"/>
      <c r="J3" s="11" t="s">
        <v>4</v>
      </c>
      <c r="K3" s="10"/>
      <c r="L3" s="10"/>
      <c r="M3" s="11" t="s">
        <v>5</v>
      </c>
      <c r="N3" s="10"/>
      <c r="O3" s="10"/>
      <c r="P3" s="11" t="s">
        <v>6</v>
      </c>
      <c r="Q3" s="10"/>
      <c r="R3" s="10"/>
      <c r="S3" s="11" t="s">
        <v>7</v>
      </c>
      <c r="T3" s="10"/>
      <c r="U3" s="10"/>
      <c r="V3" s="11" t="s">
        <v>8</v>
      </c>
      <c r="W3" s="10"/>
      <c r="X3" s="10"/>
      <c r="Y3" s="11" t="s">
        <v>9</v>
      </c>
      <c r="Z3" s="10"/>
      <c r="AA3" s="10"/>
      <c r="AB3" s="11" t="s">
        <v>10</v>
      </c>
      <c r="AC3" s="10"/>
      <c r="AD3" s="12"/>
      <c r="AE3" s="11" t="s">
        <v>11</v>
      </c>
      <c r="AF3" s="10"/>
      <c r="AG3" s="12"/>
      <c r="AH3" s="11" t="s">
        <v>12</v>
      </c>
      <c r="AI3" s="10"/>
      <c r="AJ3" s="10"/>
      <c r="AK3" s="11" t="s">
        <v>13</v>
      </c>
      <c r="AL3" s="10"/>
      <c r="AM3" s="10"/>
      <c r="AN3" s="11" t="s">
        <v>14</v>
      </c>
      <c r="AO3" s="10"/>
      <c r="AP3" s="10"/>
      <c r="AQ3" s="11" t="s">
        <v>15</v>
      </c>
      <c r="AR3" s="10"/>
      <c r="AS3" s="10"/>
      <c r="AT3" s="11" t="s">
        <v>16</v>
      </c>
      <c r="AU3" s="10"/>
      <c r="AV3" s="10"/>
      <c r="AW3" s="11" t="s">
        <v>17</v>
      </c>
      <c r="AX3" s="10"/>
      <c r="AY3" s="10"/>
      <c r="AZ3" s="11" t="s">
        <v>18</v>
      </c>
      <c r="BA3" s="10"/>
      <c r="BB3" s="10"/>
      <c r="BC3" s="11" t="s">
        <v>19</v>
      </c>
      <c r="BD3" s="10"/>
      <c r="BE3" s="10"/>
      <c r="BF3" s="11" t="s">
        <v>20</v>
      </c>
      <c r="BG3" s="10"/>
      <c r="BH3" s="10"/>
      <c r="BI3" s="11" t="s">
        <v>21</v>
      </c>
      <c r="BJ3" s="10"/>
      <c r="BK3" s="10"/>
      <c r="BL3" s="11" t="s">
        <v>22</v>
      </c>
      <c r="BM3" s="10"/>
      <c r="BN3" s="10"/>
      <c r="BO3" s="11" t="s">
        <v>23</v>
      </c>
      <c r="BP3" s="10"/>
      <c r="BQ3" s="13"/>
    </row>
    <row r="4" spans="1:72" ht="15" thickBot="1" x14ac:dyDescent="0.2">
      <c r="A4" s="14" t="s">
        <v>24</v>
      </c>
      <c r="B4" s="15" t="s">
        <v>25</v>
      </c>
      <c r="C4" s="79"/>
      <c r="D4" s="16" t="s">
        <v>26</v>
      </c>
      <c r="E4" s="17" t="s">
        <v>27</v>
      </c>
      <c r="F4" s="17" t="s">
        <v>28</v>
      </c>
      <c r="G4" s="17" t="s">
        <v>26</v>
      </c>
      <c r="H4" s="17" t="s">
        <v>27</v>
      </c>
      <c r="I4" s="17" t="s">
        <v>28</v>
      </c>
      <c r="J4" s="17" t="s">
        <v>26</v>
      </c>
      <c r="K4" s="17" t="s">
        <v>27</v>
      </c>
      <c r="L4" s="17" t="s">
        <v>28</v>
      </c>
      <c r="M4" s="17" t="s">
        <v>26</v>
      </c>
      <c r="N4" s="17" t="s">
        <v>27</v>
      </c>
      <c r="O4" s="17" t="s">
        <v>28</v>
      </c>
      <c r="P4" s="17" t="s">
        <v>26</v>
      </c>
      <c r="Q4" s="17" t="s">
        <v>27</v>
      </c>
      <c r="R4" s="17" t="s">
        <v>28</v>
      </c>
      <c r="S4" s="17" t="s">
        <v>26</v>
      </c>
      <c r="T4" s="17" t="s">
        <v>27</v>
      </c>
      <c r="U4" s="17" t="s">
        <v>28</v>
      </c>
      <c r="V4" s="17" t="s">
        <v>26</v>
      </c>
      <c r="W4" s="17" t="s">
        <v>27</v>
      </c>
      <c r="X4" s="17" t="s">
        <v>28</v>
      </c>
      <c r="Y4" s="17" t="s">
        <v>26</v>
      </c>
      <c r="Z4" s="17" t="s">
        <v>27</v>
      </c>
      <c r="AA4" s="17" t="s">
        <v>28</v>
      </c>
      <c r="AB4" s="17" t="s">
        <v>26</v>
      </c>
      <c r="AC4" s="17" t="s">
        <v>27</v>
      </c>
      <c r="AD4" s="17" t="s">
        <v>28</v>
      </c>
      <c r="AE4" s="17" t="s">
        <v>26</v>
      </c>
      <c r="AF4" s="17" t="s">
        <v>27</v>
      </c>
      <c r="AG4" s="17" t="s">
        <v>28</v>
      </c>
      <c r="AH4" s="17" t="s">
        <v>26</v>
      </c>
      <c r="AI4" s="17" t="s">
        <v>27</v>
      </c>
      <c r="AJ4" s="17" t="s">
        <v>28</v>
      </c>
      <c r="AK4" s="17" t="s">
        <v>26</v>
      </c>
      <c r="AL4" s="17" t="s">
        <v>27</v>
      </c>
      <c r="AM4" s="17" t="s">
        <v>28</v>
      </c>
      <c r="AN4" s="17" t="s">
        <v>26</v>
      </c>
      <c r="AO4" s="17" t="s">
        <v>27</v>
      </c>
      <c r="AP4" s="17" t="s">
        <v>28</v>
      </c>
      <c r="AQ4" s="17" t="s">
        <v>26</v>
      </c>
      <c r="AR4" s="17" t="s">
        <v>27</v>
      </c>
      <c r="AS4" s="17" t="s">
        <v>28</v>
      </c>
      <c r="AT4" s="17" t="s">
        <v>26</v>
      </c>
      <c r="AU4" s="17" t="s">
        <v>27</v>
      </c>
      <c r="AV4" s="17" t="s">
        <v>28</v>
      </c>
      <c r="AW4" s="17" t="s">
        <v>26</v>
      </c>
      <c r="AX4" s="17" t="s">
        <v>27</v>
      </c>
      <c r="AY4" s="17" t="s">
        <v>28</v>
      </c>
      <c r="AZ4" s="17" t="s">
        <v>26</v>
      </c>
      <c r="BA4" s="17" t="s">
        <v>27</v>
      </c>
      <c r="BB4" s="17" t="s">
        <v>28</v>
      </c>
      <c r="BC4" s="17" t="s">
        <v>26</v>
      </c>
      <c r="BD4" s="17" t="s">
        <v>27</v>
      </c>
      <c r="BE4" s="18" t="s">
        <v>28</v>
      </c>
      <c r="BF4" s="17" t="s">
        <v>26</v>
      </c>
      <c r="BG4" s="17" t="s">
        <v>27</v>
      </c>
      <c r="BH4" s="17" t="s">
        <v>28</v>
      </c>
      <c r="BI4" s="17" t="s">
        <v>26</v>
      </c>
      <c r="BJ4" s="17" t="s">
        <v>27</v>
      </c>
      <c r="BK4" s="17" t="s">
        <v>28</v>
      </c>
      <c r="BL4" s="17" t="s">
        <v>26</v>
      </c>
      <c r="BM4" s="17" t="s">
        <v>27</v>
      </c>
      <c r="BN4" s="17" t="s">
        <v>28</v>
      </c>
      <c r="BO4" s="17" t="s">
        <v>26</v>
      </c>
      <c r="BP4" s="17" t="s">
        <v>27</v>
      </c>
      <c r="BQ4" s="19" t="s">
        <v>28</v>
      </c>
    </row>
    <row r="5" spans="1:72" x14ac:dyDescent="0.15">
      <c r="A5" s="20"/>
      <c r="B5" s="21" t="s">
        <v>29</v>
      </c>
      <c r="C5" s="67">
        <v>140007</v>
      </c>
      <c r="D5" s="22">
        <v>4451482</v>
      </c>
      <c r="E5" s="23">
        <v>130314</v>
      </c>
      <c r="F5" s="23">
        <v>4581796</v>
      </c>
      <c r="G5" s="23">
        <v>150380</v>
      </c>
      <c r="H5" s="23">
        <v>4785</v>
      </c>
      <c r="I5" s="23">
        <v>155165</v>
      </c>
      <c r="J5" s="23">
        <v>178906</v>
      </c>
      <c r="K5" s="23">
        <v>4847</v>
      </c>
      <c r="L5" s="23">
        <v>183753</v>
      </c>
      <c r="M5" s="23">
        <v>193471</v>
      </c>
      <c r="N5" s="23">
        <v>4007</v>
      </c>
      <c r="O5" s="23">
        <v>197478</v>
      </c>
      <c r="P5" s="23">
        <v>203725</v>
      </c>
      <c r="Q5" s="23">
        <v>4260</v>
      </c>
      <c r="R5" s="23">
        <v>207985</v>
      </c>
      <c r="S5" s="23">
        <v>234244</v>
      </c>
      <c r="T5" s="23">
        <v>15520</v>
      </c>
      <c r="U5" s="23">
        <v>249764</v>
      </c>
      <c r="V5" s="23">
        <v>256766</v>
      </c>
      <c r="W5" s="23">
        <v>21319</v>
      </c>
      <c r="X5" s="23">
        <v>278085</v>
      </c>
      <c r="Y5" s="23">
        <v>244713</v>
      </c>
      <c r="Z5" s="23">
        <v>19210</v>
      </c>
      <c r="AA5" s="23">
        <v>263923</v>
      </c>
      <c r="AB5" s="23">
        <v>267535</v>
      </c>
      <c r="AC5" s="23">
        <v>14353</v>
      </c>
      <c r="AD5" s="23">
        <v>281888</v>
      </c>
      <c r="AE5" s="23">
        <v>299399</v>
      </c>
      <c r="AF5" s="23">
        <v>11004</v>
      </c>
      <c r="AG5" s="23">
        <v>310403</v>
      </c>
      <c r="AH5" s="23">
        <v>355331</v>
      </c>
      <c r="AI5" s="23">
        <v>7935</v>
      </c>
      <c r="AJ5" s="23">
        <v>363266</v>
      </c>
      <c r="AK5" s="23">
        <v>400503</v>
      </c>
      <c r="AL5" s="23">
        <v>6844</v>
      </c>
      <c r="AM5" s="23">
        <v>407347</v>
      </c>
      <c r="AN5" s="23">
        <v>349836</v>
      </c>
      <c r="AO5" s="23">
        <v>5650</v>
      </c>
      <c r="AP5" s="23">
        <v>355486</v>
      </c>
      <c r="AQ5" s="23">
        <v>276117</v>
      </c>
      <c r="AR5" s="23">
        <v>4121</v>
      </c>
      <c r="AS5" s="23">
        <v>280238</v>
      </c>
      <c r="AT5" s="23">
        <v>230910</v>
      </c>
      <c r="AU5" s="23">
        <v>2613</v>
      </c>
      <c r="AV5" s="23">
        <v>233523</v>
      </c>
      <c r="AW5" s="23">
        <v>261371</v>
      </c>
      <c r="AX5" s="23">
        <v>1764</v>
      </c>
      <c r="AY5" s="23">
        <v>263135</v>
      </c>
      <c r="AZ5" s="23">
        <v>230049</v>
      </c>
      <c r="BA5" s="23">
        <v>1061</v>
      </c>
      <c r="BB5" s="23">
        <v>231110</v>
      </c>
      <c r="BC5" s="23">
        <v>176561</v>
      </c>
      <c r="BD5" s="23">
        <v>612</v>
      </c>
      <c r="BE5" s="23">
        <v>177173</v>
      </c>
      <c r="BF5" s="23">
        <v>98347</v>
      </c>
      <c r="BG5" s="23">
        <v>279</v>
      </c>
      <c r="BH5" s="23">
        <v>98626</v>
      </c>
      <c r="BI5" s="23">
        <v>35606</v>
      </c>
      <c r="BJ5" s="23">
        <v>90</v>
      </c>
      <c r="BK5" s="23">
        <v>35696</v>
      </c>
      <c r="BL5" s="23">
        <v>7054</v>
      </c>
      <c r="BM5" s="23">
        <v>27</v>
      </c>
      <c r="BN5" s="23">
        <v>7081</v>
      </c>
      <c r="BO5" s="23">
        <v>657</v>
      </c>
      <c r="BP5" s="23">
        <v>6</v>
      </c>
      <c r="BQ5" s="24">
        <v>663</v>
      </c>
      <c r="BT5" s="66"/>
    </row>
    <row r="6" spans="1:72" x14ac:dyDescent="0.15">
      <c r="A6" s="25" t="s">
        <v>30</v>
      </c>
      <c r="B6" s="26" t="s">
        <v>31</v>
      </c>
      <c r="C6" s="72"/>
      <c r="D6" s="27">
        <v>4497043</v>
      </c>
      <c r="E6" s="28">
        <v>129849</v>
      </c>
      <c r="F6" s="29">
        <v>4626892</v>
      </c>
      <c r="G6" s="28">
        <v>143088</v>
      </c>
      <c r="H6" s="28">
        <v>4409</v>
      </c>
      <c r="I6" s="29">
        <v>147497</v>
      </c>
      <c r="J6" s="28">
        <v>170351</v>
      </c>
      <c r="K6" s="28">
        <v>4647</v>
      </c>
      <c r="L6" s="29">
        <v>174998</v>
      </c>
      <c r="M6" s="28">
        <v>184501</v>
      </c>
      <c r="N6" s="28">
        <v>3632</v>
      </c>
      <c r="O6" s="29">
        <v>188133</v>
      </c>
      <c r="P6" s="28">
        <v>192071</v>
      </c>
      <c r="Q6" s="28">
        <v>4031</v>
      </c>
      <c r="R6" s="29">
        <v>196102</v>
      </c>
      <c r="S6" s="28">
        <v>226070</v>
      </c>
      <c r="T6" s="28">
        <v>12036</v>
      </c>
      <c r="U6" s="29">
        <v>238106</v>
      </c>
      <c r="V6" s="28">
        <v>241193</v>
      </c>
      <c r="W6" s="28">
        <v>16586</v>
      </c>
      <c r="X6" s="29">
        <v>257779</v>
      </c>
      <c r="Y6" s="28">
        <v>227048</v>
      </c>
      <c r="Z6" s="28">
        <v>15691</v>
      </c>
      <c r="AA6" s="29">
        <v>242739</v>
      </c>
      <c r="AB6" s="28">
        <v>249139</v>
      </c>
      <c r="AC6" s="28">
        <v>13173</v>
      </c>
      <c r="AD6" s="29">
        <v>262312</v>
      </c>
      <c r="AE6" s="28">
        <v>279852</v>
      </c>
      <c r="AF6" s="28">
        <v>12280</v>
      </c>
      <c r="AG6" s="29">
        <v>292132</v>
      </c>
      <c r="AH6" s="28">
        <v>333854</v>
      </c>
      <c r="AI6" s="28">
        <v>10024</v>
      </c>
      <c r="AJ6" s="29">
        <v>343878</v>
      </c>
      <c r="AK6" s="28">
        <v>377005</v>
      </c>
      <c r="AL6" s="28">
        <v>9976</v>
      </c>
      <c r="AM6" s="29">
        <v>386981</v>
      </c>
      <c r="AN6" s="28">
        <v>318327</v>
      </c>
      <c r="AO6" s="28">
        <v>8377</v>
      </c>
      <c r="AP6" s="29">
        <v>326704</v>
      </c>
      <c r="AQ6" s="28">
        <v>256711</v>
      </c>
      <c r="AR6" s="28">
        <v>5824</v>
      </c>
      <c r="AS6" s="29">
        <v>262535</v>
      </c>
      <c r="AT6" s="28">
        <v>230510</v>
      </c>
      <c r="AU6" s="28">
        <v>3777</v>
      </c>
      <c r="AV6" s="29">
        <v>234287</v>
      </c>
      <c r="AW6" s="28">
        <v>286372</v>
      </c>
      <c r="AX6" s="28">
        <v>2152</v>
      </c>
      <c r="AY6" s="29">
        <v>288524</v>
      </c>
      <c r="AZ6" s="28">
        <v>277544</v>
      </c>
      <c r="BA6" s="28">
        <v>1430</v>
      </c>
      <c r="BB6" s="29">
        <v>278974</v>
      </c>
      <c r="BC6" s="28">
        <v>237234</v>
      </c>
      <c r="BD6" s="28">
        <v>944</v>
      </c>
      <c r="BE6" s="29">
        <v>238178</v>
      </c>
      <c r="BF6" s="28">
        <v>155461</v>
      </c>
      <c r="BG6" s="28">
        <v>545</v>
      </c>
      <c r="BH6" s="29">
        <v>156006</v>
      </c>
      <c r="BI6" s="28">
        <v>80902</v>
      </c>
      <c r="BJ6" s="28">
        <v>221</v>
      </c>
      <c r="BK6" s="29">
        <v>81123</v>
      </c>
      <c r="BL6" s="28">
        <v>25624</v>
      </c>
      <c r="BM6" s="28">
        <v>73</v>
      </c>
      <c r="BN6" s="29">
        <v>25697</v>
      </c>
      <c r="BO6" s="28">
        <v>4186</v>
      </c>
      <c r="BP6" s="28">
        <v>13</v>
      </c>
      <c r="BQ6" s="30">
        <v>4199</v>
      </c>
      <c r="BT6" s="66"/>
    </row>
    <row r="7" spans="1:72" ht="15" thickBot="1" x14ac:dyDescent="0.2">
      <c r="A7" s="31"/>
      <c r="B7" s="32" t="s">
        <v>32</v>
      </c>
      <c r="C7" s="73"/>
      <c r="D7" s="33">
        <v>8948525</v>
      </c>
      <c r="E7" s="34">
        <v>260163</v>
      </c>
      <c r="F7" s="35">
        <v>9208688</v>
      </c>
      <c r="G7" s="34">
        <v>293468</v>
      </c>
      <c r="H7" s="34">
        <v>9194</v>
      </c>
      <c r="I7" s="35">
        <v>302662</v>
      </c>
      <c r="J7" s="34">
        <v>349257</v>
      </c>
      <c r="K7" s="34">
        <v>9494</v>
      </c>
      <c r="L7" s="35">
        <v>358751</v>
      </c>
      <c r="M7" s="34">
        <v>377972</v>
      </c>
      <c r="N7" s="34">
        <v>7639</v>
      </c>
      <c r="O7" s="35">
        <v>385611</v>
      </c>
      <c r="P7" s="34">
        <v>395796</v>
      </c>
      <c r="Q7" s="34">
        <v>8291</v>
      </c>
      <c r="R7" s="35">
        <v>404087</v>
      </c>
      <c r="S7" s="34">
        <v>460314</v>
      </c>
      <c r="T7" s="34">
        <v>27556</v>
      </c>
      <c r="U7" s="35">
        <v>487870</v>
      </c>
      <c r="V7" s="34">
        <v>497959</v>
      </c>
      <c r="W7" s="34">
        <v>37905</v>
      </c>
      <c r="X7" s="35">
        <v>535864</v>
      </c>
      <c r="Y7" s="34">
        <v>471761</v>
      </c>
      <c r="Z7" s="34">
        <v>34901</v>
      </c>
      <c r="AA7" s="35">
        <v>506662</v>
      </c>
      <c r="AB7" s="34">
        <v>516674</v>
      </c>
      <c r="AC7" s="34">
        <v>27526</v>
      </c>
      <c r="AD7" s="35">
        <v>544200</v>
      </c>
      <c r="AE7" s="34">
        <v>579251</v>
      </c>
      <c r="AF7" s="34">
        <v>23284</v>
      </c>
      <c r="AG7" s="35">
        <v>602535</v>
      </c>
      <c r="AH7" s="34">
        <v>689185</v>
      </c>
      <c r="AI7" s="34">
        <v>17959</v>
      </c>
      <c r="AJ7" s="35">
        <v>707144</v>
      </c>
      <c r="AK7" s="34">
        <v>777508</v>
      </c>
      <c r="AL7" s="34">
        <v>16820</v>
      </c>
      <c r="AM7" s="35">
        <v>794328</v>
      </c>
      <c r="AN7" s="34">
        <v>668163</v>
      </c>
      <c r="AO7" s="34">
        <v>14027</v>
      </c>
      <c r="AP7" s="35">
        <v>682190</v>
      </c>
      <c r="AQ7" s="34">
        <v>532828</v>
      </c>
      <c r="AR7" s="34">
        <v>9945</v>
      </c>
      <c r="AS7" s="35">
        <v>542773</v>
      </c>
      <c r="AT7" s="34">
        <v>461420</v>
      </c>
      <c r="AU7" s="34">
        <v>6390</v>
      </c>
      <c r="AV7" s="35">
        <v>467810</v>
      </c>
      <c r="AW7" s="34">
        <v>547743</v>
      </c>
      <c r="AX7" s="34">
        <v>3916</v>
      </c>
      <c r="AY7" s="35">
        <v>551659</v>
      </c>
      <c r="AZ7" s="34">
        <v>507593</v>
      </c>
      <c r="BA7" s="34">
        <v>2491</v>
      </c>
      <c r="BB7" s="35">
        <v>510084</v>
      </c>
      <c r="BC7" s="34">
        <v>413795</v>
      </c>
      <c r="BD7" s="34">
        <v>1556</v>
      </c>
      <c r="BE7" s="35">
        <v>415351</v>
      </c>
      <c r="BF7" s="34">
        <v>253808</v>
      </c>
      <c r="BG7" s="34">
        <v>824</v>
      </c>
      <c r="BH7" s="35">
        <v>254632</v>
      </c>
      <c r="BI7" s="34">
        <v>116508</v>
      </c>
      <c r="BJ7" s="34">
        <v>311</v>
      </c>
      <c r="BK7" s="35">
        <v>116819</v>
      </c>
      <c r="BL7" s="34">
        <v>32678</v>
      </c>
      <c r="BM7" s="34">
        <v>100</v>
      </c>
      <c r="BN7" s="35">
        <v>32778</v>
      </c>
      <c r="BO7" s="34">
        <v>4843</v>
      </c>
      <c r="BP7" s="34">
        <v>19</v>
      </c>
      <c r="BQ7" s="36">
        <v>4862</v>
      </c>
      <c r="BT7" s="66"/>
    </row>
    <row r="8" spans="1:72" x14ac:dyDescent="0.15">
      <c r="A8" s="25"/>
      <c r="B8" s="21" t="s">
        <v>29</v>
      </c>
      <c r="C8" s="67">
        <v>141003</v>
      </c>
      <c r="D8" s="37">
        <v>1800586</v>
      </c>
      <c r="E8" s="38">
        <v>57085</v>
      </c>
      <c r="F8" s="39">
        <v>1857671</v>
      </c>
      <c r="G8" s="40">
        <v>61025</v>
      </c>
      <c r="H8" s="40">
        <v>2149</v>
      </c>
      <c r="I8" s="39">
        <v>63174</v>
      </c>
      <c r="J8" s="40">
        <v>72410</v>
      </c>
      <c r="K8" s="40">
        <v>2405</v>
      </c>
      <c r="L8" s="39">
        <v>74815</v>
      </c>
      <c r="M8" s="40">
        <v>78346</v>
      </c>
      <c r="N8" s="40">
        <v>2004</v>
      </c>
      <c r="O8" s="39">
        <v>80350</v>
      </c>
      <c r="P8" s="40">
        <v>82398</v>
      </c>
      <c r="Q8" s="40">
        <v>1884</v>
      </c>
      <c r="R8" s="39">
        <v>84282</v>
      </c>
      <c r="S8" s="40">
        <v>96491</v>
      </c>
      <c r="T8" s="40">
        <v>6242</v>
      </c>
      <c r="U8" s="39">
        <v>102733</v>
      </c>
      <c r="V8" s="40">
        <v>104654</v>
      </c>
      <c r="W8" s="40">
        <v>8466</v>
      </c>
      <c r="X8" s="39">
        <v>113120</v>
      </c>
      <c r="Y8" s="40">
        <v>98334</v>
      </c>
      <c r="Z8" s="40">
        <v>8252</v>
      </c>
      <c r="AA8" s="39">
        <v>106586</v>
      </c>
      <c r="AB8" s="40">
        <v>107373</v>
      </c>
      <c r="AC8" s="40">
        <v>6584</v>
      </c>
      <c r="AD8" s="39">
        <v>113957</v>
      </c>
      <c r="AE8" s="40">
        <v>119945</v>
      </c>
      <c r="AF8" s="40">
        <v>5157</v>
      </c>
      <c r="AG8" s="39">
        <v>125102</v>
      </c>
      <c r="AH8" s="40">
        <v>142544</v>
      </c>
      <c r="AI8" s="40">
        <v>3732</v>
      </c>
      <c r="AJ8" s="39">
        <v>146276</v>
      </c>
      <c r="AK8" s="40">
        <v>162869</v>
      </c>
      <c r="AL8" s="40">
        <v>3024</v>
      </c>
      <c r="AM8" s="39">
        <v>165893</v>
      </c>
      <c r="AN8" s="40">
        <v>146007</v>
      </c>
      <c r="AO8" s="40">
        <v>2459</v>
      </c>
      <c r="AP8" s="39">
        <v>148466</v>
      </c>
      <c r="AQ8" s="40">
        <v>114631</v>
      </c>
      <c r="AR8" s="40">
        <v>1761</v>
      </c>
      <c r="AS8" s="39">
        <v>116392</v>
      </c>
      <c r="AT8" s="40">
        <v>93278</v>
      </c>
      <c r="AU8" s="40">
        <v>1145</v>
      </c>
      <c r="AV8" s="39">
        <v>94423</v>
      </c>
      <c r="AW8" s="40">
        <v>103156</v>
      </c>
      <c r="AX8" s="40">
        <v>806</v>
      </c>
      <c r="AY8" s="39">
        <v>103962</v>
      </c>
      <c r="AZ8" s="40">
        <v>90319</v>
      </c>
      <c r="BA8" s="40">
        <v>497</v>
      </c>
      <c r="BB8" s="39">
        <v>90816</v>
      </c>
      <c r="BC8" s="40">
        <v>68504</v>
      </c>
      <c r="BD8" s="40">
        <v>305</v>
      </c>
      <c r="BE8" s="39">
        <v>68809</v>
      </c>
      <c r="BF8" s="40">
        <v>40044</v>
      </c>
      <c r="BG8" s="40">
        <v>146</v>
      </c>
      <c r="BH8" s="39">
        <v>40190</v>
      </c>
      <c r="BI8" s="40">
        <v>15039</v>
      </c>
      <c r="BJ8" s="40">
        <v>42</v>
      </c>
      <c r="BK8" s="39">
        <v>15081</v>
      </c>
      <c r="BL8" s="40">
        <v>2938</v>
      </c>
      <c r="BM8" s="40">
        <v>16</v>
      </c>
      <c r="BN8" s="39">
        <v>2954</v>
      </c>
      <c r="BO8" s="40">
        <v>280</v>
      </c>
      <c r="BP8" s="40">
        <v>5</v>
      </c>
      <c r="BQ8" s="41">
        <v>285</v>
      </c>
      <c r="BT8" s="66"/>
    </row>
    <row r="9" spans="1:72" x14ac:dyDescent="0.15">
      <c r="A9" s="25" t="s">
        <v>33</v>
      </c>
      <c r="B9" s="26" t="s">
        <v>31</v>
      </c>
      <c r="C9" s="72"/>
      <c r="D9" s="42">
        <v>1836429</v>
      </c>
      <c r="E9" s="40">
        <v>58869</v>
      </c>
      <c r="F9" s="43">
        <v>1895298</v>
      </c>
      <c r="G9" s="40">
        <v>58447</v>
      </c>
      <c r="H9" s="40">
        <v>2003</v>
      </c>
      <c r="I9" s="43">
        <v>60450</v>
      </c>
      <c r="J9" s="40">
        <v>69084</v>
      </c>
      <c r="K9" s="40">
        <v>2217</v>
      </c>
      <c r="L9" s="43">
        <v>71301</v>
      </c>
      <c r="M9" s="40">
        <v>74900</v>
      </c>
      <c r="N9" s="40">
        <v>1751</v>
      </c>
      <c r="O9" s="43">
        <v>76651</v>
      </c>
      <c r="P9" s="40">
        <v>77607</v>
      </c>
      <c r="Q9" s="40">
        <v>1784</v>
      </c>
      <c r="R9" s="43">
        <v>79391</v>
      </c>
      <c r="S9" s="40">
        <v>94456</v>
      </c>
      <c r="T9" s="40">
        <v>5083</v>
      </c>
      <c r="U9" s="43">
        <v>99539</v>
      </c>
      <c r="V9" s="40">
        <v>100778</v>
      </c>
      <c r="W9" s="40">
        <v>7047</v>
      </c>
      <c r="X9" s="43">
        <v>107825</v>
      </c>
      <c r="Y9" s="40">
        <v>93360</v>
      </c>
      <c r="Z9" s="40">
        <v>7136</v>
      </c>
      <c r="AA9" s="43">
        <v>100496</v>
      </c>
      <c r="AB9" s="40">
        <v>101977</v>
      </c>
      <c r="AC9" s="40">
        <v>6369</v>
      </c>
      <c r="AD9" s="43">
        <v>108346</v>
      </c>
      <c r="AE9" s="40">
        <v>113803</v>
      </c>
      <c r="AF9" s="40">
        <v>5780</v>
      </c>
      <c r="AG9" s="43">
        <v>119583</v>
      </c>
      <c r="AH9" s="40">
        <v>136067</v>
      </c>
      <c r="AI9" s="40">
        <v>4627</v>
      </c>
      <c r="AJ9" s="43">
        <v>140694</v>
      </c>
      <c r="AK9" s="40">
        <v>157261</v>
      </c>
      <c r="AL9" s="40">
        <v>4416</v>
      </c>
      <c r="AM9" s="43">
        <v>161677</v>
      </c>
      <c r="AN9" s="40">
        <v>134348</v>
      </c>
      <c r="AO9" s="40">
        <v>3693</v>
      </c>
      <c r="AP9" s="43">
        <v>138041</v>
      </c>
      <c r="AQ9" s="40">
        <v>106815</v>
      </c>
      <c r="AR9" s="40">
        <v>2624</v>
      </c>
      <c r="AS9" s="43">
        <v>109439</v>
      </c>
      <c r="AT9" s="40">
        <v>93179</v>
      </c>
      <c r="AU9" s="40">
        <v>1731</v>
      </c>
      <c r="AV9" s="43">
        <v>94910</v>
      </c>
      <c r="AW9" s="40">
        <v>111744</v>
      </c>
      <c r="AX9" s="40">
        <v>1047</v>
      </c>
      <c r="AY9" s="43">
        <v>112791</v>
      </c>
      <c r="AZ9" s="40">
        <v>108677</v>
      </c>
      <c r="BA9" s="40">
        <v>666</v>
      </c>
      <c r="BB9" s="43">
        <v>109343</v>
      </c>
      <c r="BC9" s="40">
        <v>94474</v>
      </c>
      <c r="BD9" s="40">
        <v>468</v>
      </c>
      <c r="BE9" s="43">
        <v>94942</v>
      </c>
      <c r="BF9" s="40">
        <v>63876</v>
      </c>
      <c r="BG9" s="40">
        <v>259</v>
      </c>
      <c r="BH9" s="43">
        <v>64135</v>
      </c>
      <c r="BI9" s="40">
        <v>33458</v>
      </c>
      <c r="BJ9" s="40">
        <v>113</v>
      </c>
      <c r="BK9" s="43">
        <v>33571</v>
      </c>
      <c r="BL9" s="40">
        <v>10466</v>
      </c>
      <c r="BM9" s="40">
        <v>41</v>
      </c>
      <c r="BN9" s="43">
        <v>10507</v>
      </c>
      <c r="BO9" s="40">
        <v>1652</v>
      </c>
      <c r="BP9" s="40">
        <v>7</v>
      </c>
      <c r="BQ9" s="44">
        <v>1659</v>
      </c>
      <c r="BT9" s="66"/>
    </row>
    <row r="10" spans="1:72" ht="15" thickBot="1" x14ac:dyDescent="0.2">
      <c r="A10" s="45"/>
      <c r="B10" s="32" t="s">
        <v>32</v>
      </c>
      <c r="C10" s="73"/>
      <c r="D10" s="46">
        <v>3637015</v>
      </c>
      <c r="E10" s="47">
        <v>115954</v>
      </c>
      <c r="F10" s="48">
        <v>3752969</v>
      </c>
      <c r="G10" s="49">
        <v>119472</v>
      </c>
      <c r="H10" s="48">
        <v>4152</v>
      </c>
      <c r="I10" s="48">
        <v>123624</v>
      </c>
      <c r="J10" s="49">
        <v>141494</v>
      </c>
      <c r="K10" s="48">
        <v>4622</v>
      </c>
      <c r="L10" s="48">
        <v>146116</v>
      </c>
      <c r="M10" s="49">
        <v>153246</v>
      </c>
      <c r="N10" s="48">
        <v>3755</v>
      </c>
      <c r="O10" s="48">
        <v>157001</v>
      </c>
      <c r="P10" s="49">
        <v>160005</v>
      </c>
      <c r="Q10" s="48">
        <v>3668</v>
      </c>
      <c r="R10" s="48">
        <v>163673</v>
      </c>
      <c r="S10" s="49">
        <v>190947</v>
      </c>
      <c r="T10" s="48">
        <v>11325</v>
      </c>
      <c r="U10" s="48">
        <v>202272</v>
      </c>
      <c r="V10" s="49">
        <v>205432</v>
      </c>
      <c r="W10" s="48">
        <v>15513</v>
      </c>
      <c r="X10" s="48">
        <v>220945</v>
      </c>
      <c r="Y10" s="49">
        <v>191694</v>
      </c>
      <c r="Z10" s="48">
        <v>15388</v>
      </c>
      <c r="AA10" s="48">
        <v>207082</v>
      </c>
      <c r="AB10" s="49">
        <v>209350</v>
      </c>
      <c r="AC10" s="48">
        <v>12953</v>
      </c>
      <c r="AD10" s="48">
        <v>222303</v>
      </c>
      <c r="AE10" s="49">
        <v>233748</v>
      </c>
      <c r="AF10" s="48">
        <v>10937</v>
      </c>
      <c r="AG10" s="48">
        <v>244685</v>
      </c>
      <c r="AH10" s="49">
        <v>278611</v>
      </c>
      <c r="AI10" s="48">
        <v>8359</v>
      </c>
      <c r="AJ10" s="48">
        <v>286970</v>
      </c>
      <c r="AK10" s="49">
        <v>320130</v>
      </c>
      <c r="AL10" s="48">
        <v>7440</v>
      </c>
      <c r="AM10" s="48">
        <v>327570</v>
      </c>
      <c r="AN10" s="49">
        <v>280355</v>
      </c>
      <c r="AO10" s="48">
        <v>6152</v>
      </c>
      <c r="AP10" s="48">
        <v>286507</v>
      </c>
      <c r="AQ10" s="49">
        <v>221446</v>
      </c>
      <c r="AR10" s="48">
        <v>4385</v>
      </c>
      <c r="AS10" s="48">
        <v>225831</v>
      </c>
      <c r="AT10" s="49">
        <v>186457</v>
      </c>
      <c r="AU10" s="48">
        <v>2876</v>
      </c>
      <c r="AV10" s="48">
        <v>189333</v>
      </c>
      <c r="AW10" s="49">
        <v>214900</v>
      </c>
      <c r="AX10" s="48">
        <v>1853</v>
      </c>
      <c r="AY10" s="48">
        <v>216753</v>
      </c>
      <c r="AZ10" s="49">
        <v>198996</v>
      </c>
      <c r="BA10" s="48">
        <v>1163</v>
      </c>
      <c r="BB10" s="48">
        <v>200159</v>
      </c>
      <c r="BC10" s="49">
        <v>162978</v>
      </c>
      <c r="BD10" s="48">
        <v>773</v>
      </c>
      <c r="BE10" s="48">
        <v>163751</v>
      </c>
      <c r="BF10" s="49">
        <v>103920</v>
      </c>
      <c r="BG10" s="48">
        <v>405</v>
      </c>
      <c r="BH10" s="48">
        <v>104325</v>
      </c>
      <c r="BI10" s="49">
        <v>48497</v>
      </c>
      <c r="BJ10" s="48">
        <v>155</v>
      </c>
      <c r="BK10" s="48">
        <v>48652</v>
      </c>
      <c r="BL10" s="49">
        <v>13404</v>
      </c>
      <c r="BM10" s="48">
        <v>57</v>
      </c>
      <c r="BN10" s="48">
        <v>13461</v>
      </c>
      <c r="BO10" s="49">
        <v>1932</v>
      </c>
      <c r="BP10" s="48">
        <v>12</v>
      </c>
      <c r="BQ10" s="50">
        <v>1944</v>
      </c>
      <c r="BT10" s="66"/>
    </row>
    <row r="11" spans="1:72" x14ac:dyDescent="0.15">
      <c r="A11" s="51"/>
      <c r="B11" s="21" t="s">
        <v>29</v>
      </c>
      <c r="C11" s="67">
        <v>141011</v>
      </c>
      <c r="D11" s="37">
        <v>144103</v>
      </c>
      <c r="E11" s="38">
        <v>7702</v>
      </c>
      <c r="F11" s="39">
        <v>151805</v>
      </c>
      <c r="G11" s="52">
        <v>4757</v>
      </c>
      <c r="H11" s="52">
        <v>336</v>
      </c>
      <c r="I11" s="39">
        <v>5093</v>
      </c>
      <c r="J11" s="52">
        <v>5861</v>
      </c>
      <c r="K11" s="52">
        <v>342</v>
      </c>
      <c r="L11" s="39">
        <v>6203</v>
      </c>
      <c r="M11" s="52">
        <v>6283</v>
      </c>
      <c r="N11" s="52">
        <v>274</v>
      </c>
      <c r="O11" s="39">
        <v>6557</v>
      </c>
      <c r="P11" s="52">
        <v>6198</v>
      </c>
      <c r="Q11" s="52">
        <v>236</v>
      </c>
      <c r="R11" s="39">
        <v>6434</v>
      </c>
      <c r="S11" s="52">
        <v>7938</v>
      </c>
      <c r="T11" s="52">
        <v>743</v>
      </c>
      <c r="U11" s="39">
        <v>8681</v>
      </c>
      <c r="V11" s="52">
        <v>10018</v>
      </c>
      <c r="W11" s="52">
        <v>1233</v>
      </c>
      <c r="X11" s="39">
        <v>11251</v>
      </c>
      <c r="Y11" s="52">
        <v>9022</v>
      </c>
      <c r="Z11" s="52">
        <v>1253</v>
      </c>
      <c r="AA11" s="39">
        <v>10275</v>
      </c>
      <c r="AB11" s="52">
        <v>9548</v>
      </c>
      <c r="AC11" s="52">
        <v>888</v>
      </c>
      <c r="AD11" s="39">
        <v>10436</v>
      </c>
      <c r="AE11" s="52">
        <v>10605</v>
      </c>
      <c r="AF11" s="52">
        <v>632</v>
      </c>
      <c r="AG11" s="39">
        <v>11237</v>
      </c>
      <c r="AH11" s="52">
        <v>12298</v>
      </c>
      <c r="AI11" s="52">
        <v>477</v>
      </c>
      <c r="AJ11" s="39">
        <v>12775</v>
      </c>
      <c r="AK11" s="52">
        <v>13324</v>
      </c>
      <c r="AL11" s="52">
        <v>401</v>
      </c>
      <c r="AM11" s="39">
        <v>13725</v>
      </c>
      <c r="AN11" s="52">
        <v>10967</v>
      </c>
      <c r="AO11" s="52">
        <v>346</v>
      </c>
      <c r="AP11" s="39">
        <v>11313</v>
      </c>
      <c r="AQ11" s="52">
        <v>8691</v>
      </c>
      <c r="AR11" s="52">
        <v>237</v>
      </c>
      <c r="AS11" s="39">
        <v>8928</v>
      </c>
      <c r="AT11" s="52">
        <v>7038</v>
      </c>
      <c r="AU11" s="52">
        <v>120</v>
      </c>
      <c r="AV11" s="39">
        <v>7158</v>
      </c>
      <c r="AW11" s="52">
        <v>7678</v>
      </c>
      <c r="AX11" s="52">
        <v>85</v>
      </c>
      <c r="AY11" s="39">
        <v>7763</v>
      </c>
      <c r="AZ11" s="52">
        <v>6332</v>
      </c>
      <c r="BA11" s="52">
        <v>49</v>
      </c>
      <c r="BB11" s="39">
        <v>6381</v>
      </c>
      <c r="BC11" s="52">
        <v>4259</v>
      </c>
      <c r="BD11" s="52">
        <v>34</v>
      </c>
      <c r="BE11" s="39">
        <v>4293</v>
      </c>
      <c r="BF11" s="52">
        <v>2215</v>
      </c>
      <c r="BG11" s="52">
        <v>9</v>
      </c>
      <c r="BH11" s="39">
        <v>2224</v>
      </c>
      <c r="BI11" s="52">
        <v>839</v>
      </c>
      <c r="BJ11" s="52">
        <v>5</v>
      </c>
      <c r="BK11" s="39">
        <v>844</v>
      </c>
      <c r="BL11" s="52">
        <v>198</v>
      </c>
      <c r="BM11" s="52">
        <v>1</v>
      </c>
      <c r="BN11" s="39">
        <v>199</v>
      </c>
      <c r="BO11" s="52">
        <v>34</v>
      </c>
      <c r="BP11" s="52">
        <v>1</v>
      </c>
      <c r="BQ11" s="41">
        <v>35</v>
      </c>
      <c r="BT11" s="66"/>
    </row>
    <row r="12" spans="1:72" x14ac:dyDescent="0.15">
      <c r="A12" s="53" t="s">
        <v>34</v>
      </c>
      <c r="B12" s="26" t="s">
        <v>31</v>
      </c>
      <c r="C12" s="68"/>
      <c r="D12" s="42">
        <v>134800</v>
      </c>
      <c r="E12" s="40">
        <v>7501</v>
      </c>
      <c r="F12" s="43">
        <v>142301</v>
      </c>
      <c r="G12" s="52">
        <v>4448</v>
      </c>
      <c r="H12" s="52">
        <v>322</v>
      </c>
      <c r="I12" s="43">
        <v>4770</v>
      </c>
      <c r="J12" s="52">
        <v>5664</v>
      </c>
      <c r="K12" s="52">
        <v>297</v>
      </c>
      <c r="L12" s="43">
        <v>5961</v>
      </c>
      <c r="M12" s="52">
        <v>5917</v>
      </c>
      <c r="N12" s="52">
        <v>233</v>
      </c>
      <c r="O12" s="43">
        <v>6150</v>
      </c>
      <c r="P12" s="52">
        <v>5779</v>
      </c>
      <c r="Q12" s="52">
        <v>234</v>
      </c>
      <c r="R12" s="43">
        <v>6013</v>
      </c>
      <c r="S12" s="52">
        <v>7251</v>
      </c>
      <c r="T12" s="52">
        <v>533</v>
      </c>
      <c r="U12" s="43">
        <v>7784</v>
      </c>
      <c r="V12" s="52">
        <v>8442</v>
      </c>
      <c r="W12" s="52">
        <v>940</v>
      </c>
      <c r="X12" s="43">
        <v>9382</v>
      </c>
      <c r="Y12" s="52">
        <v>7542</v>
      </c>
      <c r="Z12" s="52">
        <v>990</v>
      </c>
      <c r="AA12" s="43">
        <v>8532</v>
      </c>
      <c r="AB12" s="52">
        <v>8305</v>
      </c>
      <c r="AC12" s="52">
        <v>830</v>
      </c>
      <c r="AD12" s="43">
        <v>9135</v>
      </c>
      <c r="AE12" s="52">
        <v>9104</v>
      </c>
      <c r="AF12" s="52">
        <v>712</v>
      </c>
      <c r="AG12" s="43">
        <v>9816</v>
      </c>
      <c r="AH12" s="52">
        <v>10539</v>
      </c>
      <c r="AI12" s="52">
        <v>583</v>
      </c>
      <c r="AJ12" s="43">
        <v>11122</v>
      </c>
      <c r="AK12" s="52">
        <v>11221</v>
      </c>
      <c r="AL12" s="52">
        <v>559</v>
      </c>
      <c r="AM12" s="43">
        <v>11780</v>
      </c>
      <c r="AN12" s="52">
        <v>9006</v>
      </c>
      <c r="AO12" s="52">
        <v>457</v>
      </c>
      <c r="AP12" s="43">
        <v>9463</v>
      </c>
      <c r="AQ12" s="52">
        <v>7332</v>
      </c>
      <c r="AR12" s="52">
        <v>322</v>
      </c>
      <c r="AS12" s="43">
        <v>7654</v>
      </c>
      <c r="AT12" s="52">
        <v>6634</v>
      </c>
      <c r="AU12" s="52">
        <v>210</v>
      </c>
      <c r="AV12" s="43">
        <v>6844</v>
      </c>
      <c r="AW12" s="52">
        <v>7655</v>
      </c>
      <c r="AX12" s="52">
        <v>109</v>
      </c>
      <c r="AY12" s="43">
        <v>7764</v>
      </c>
      <c r="AZ12" s="52">
        <v>7157</v>
      </c>
      <c r="BA12" s="52">
        <v>86</v>
      </c>
      <c r="BB12" s="43">
        <v>7243</v>
      </c>
      <c r="BC12" s="52">
        <v>5851</v>
      </c>
      <c r="BD12" s="52">
        <v>46</v>
      </c>
      <c r="BE12" s="43">
        <v>5897</v>
      </c>
      <c r="BF12" s="52">
        <v>4025</v>
      </c>
      <c r="BG12" s="52">
        <v>21</v>
      </c>
      <c r="BH12" s="43">
        <v>4046</v>
      </c>
      <c r="BI12" s="52">
        <v>2171</v>
      </c>
      <c r="BJ12" s="52">
        <v>14</v>
      </c>
      <c r="BK12" s="43">
        <v>2185</v>
      </c>
      <c r="BL12" s="52">
        <v>641</v>
      </c>
      <c r="BM12" s="52">
        <v>3</v>
      </c>
      <c r="BN12" s="43">
        <v>644</v>
      </c>
      <c r="BO12" s="52">
        <v>116</v>
      </c>
      <c r="BP12" s="52">
        <v>0</v>
      </c>
      <c r="BQ12" s="44">
        <v>116</v>
      </c>
      <c r="BT12" s="66"/>
    </row>
    <row r="13" spans="1:72" ht="15" thickBot="1" x14ac:dyDescent="0.2">
      <c r="A13" s="54"/>
      <c r="B13" s="32" t="s">
        <v>32</v>
      </c>
      <c r="C13" s="69"/>
      <c r="D13" s="46">
        <v>278903</v>
      </c>
      <c r="E13" s="47">
        <v>15203</v>
      </c>
      <c r="F13" s="48">
        <v>294106</v>
      </c>
      <c r="G13" s="49">
        <v>9205</v>
      </c>
      <c r="H13" s="48">
        <v>658</v>
      </c>
      <c r="I13" s="48">
        <v>9863</v>
      </c>
      <c r="J13" s="49">
        <v>11525</v>
      </c>
      <c r="K13" s="48">
        <v>639</v>
      </c>
      <c r="L13" s="48">
        <v>12164</v>
      </c>
      <c r="M13" s="49">
        <v>12200</v>
      </c>
      <c r="N13" s="48">
        <v>507</v>
      </c>
      <c r="O13" s="48">
        <v>12707</v>
      </c>
      <c r="P13" s="49">
        <v>11977</v>
      </c>
      <c r="Q13" s="48">
        <v>470</v>
      </c>
      <c r="R13" s="48">
        <v>12447</v>
      </c>
      <c r="S13" s="49">
        <v>15189</v>
      </c>
      <c r="T13" s="48">
        <v>1276</v>
      </c>
      <c r="U13" s="48">
        <v>16465</v>
      </c>
      <c r="V13" s="49">
        <v>18460</v>
      </c>
      <c r="W13" s="48">
        <v>2173</v>
      </c>
      <c r="X13" s="48">
        <v>20633</v>
      </c>
      <c r="Y13" s="49">
        <v>16564</v>
      </c>
      <c r="Z13" s="48">
        <v>2243</v>
      </c>
      <c r="AA13" s="48">
        <v>18807</v>
      </c>
      <c r="AB13" s="49">
        <v>17853</v>
      </c>
      <c r="AC13" s="48">
        <v>1718</v>
      </c>
      <c r="AD13" s="48">
        <v>19571</v>
      </c>
      <c r="AE13" s="49">
        <v>19709</v>
      </c>
      <c r="AF13" s="48">
        <v>1344</v>
      </c>
      <c r="AG13" s="48">
        <v>21053</v>
      </c>
      <c r="AH13" s="49">
        <v>22837</v>
      </c>
      <c r="AI13" s="48">
        <v>1060</v>
      </c>
      <c r="AJ13" s="48">
        <v>23897</v>
      </c>
      <c r="AK13" s="49">
        <v>24545</v>
      </c>
      <c r="AL13" s="48">
        <v>960</v>
      </c>
      <c r="AM13" s="48">
        <v>25505</v>
      </c>
      <c r="AN13" s="49">
        <v>19973</v>
      </c>
      <c r="AO13" s="48">
        <v>803</v>
      </c>
      <c r="AP13" s="48">
        <v>20776</v>
      </c>
      <c r="AQ13" s="49">
        <v>16023</v>
      </c>
      <c r="AR13" s="48">
        <v>559</v>
      </c>
      <c r="AS13" s="48">
        <v>16582</v>
      </c>
      <c r="AT13" s="49">
        <v>13672</v>
      </c>
      <c r="AU13" s="48">
        <v>330</v>
      </c>
      <c r="AV13" s="48">
        <v>14002</v>
      </c>
      <c r="AW13" s="49">
        <v>15333</v>
      </c>
      <c r="AX13" s="48">
        <v>194</v>
      </c>
      <c r="AY13" s="48">
        <v>15527</v>
      </c>
      <c r="AZ13" s="49">
        <v>13489</v>
      </c>
      <c r="BA13" s="48">
        <v>135</v>
      </c>
      <c r="BB13" s="48">
        <v>13624</v>
      </c>
      <c r="BC13" s="49">
        <v>10110</v>
      </c>
      <c r="BD13" s="48">
        <v>80</v>
      </c>
      <c r="BE13" s="48">
        <v>10190</v>
      </c>
      <c r="BF13" s="49">
        <v>6240</v>
      </c>
      <c r="BG13" s="48">
        <v>30</v>
      </c>
      <c r="BH13" s="48">
        <v>6270</v>
      </c>
      <c r="BI13" s="49">
        <v>3010</v>
      </c>
      <c r="BJ13" s="48">
        <v>19</v>
      </c>
      <c r="BK13" s="48">
        <v>3029</v>
      </c>
      <c r="BL13" s="49">
        <v>839</v>
      </c>
      <c r="BM13" s="48">
        <v>4</v>
      </c>
      <c r="BN13" s="48">
        <v>843</v>
      </c>
      <c r="BO13" s="49">
        <v>150</v>
      </c>
      <c r="BP13" s="48">
        <v>1</v>
      </c>
      <c r="BQ13" s="50">
        <v>151</v>
      </c>
      <c r="BT13" s="66"/>
    </row>
    <row r="14" spans="1:72" x14ac:dyDescent="0.15">
      <c r="A14" s="53"/>
      <c r="B14" s="21" t="s">
        <v>29</v>
      </c>
      <c r="C14" s="67">
        <v>141020</v>
      </c>
      <c r="D14" s="37">
        <v>118427</v>
      </c>
      <c r="E14" s="38">
        <v>4300</v>
      </c>
      <c r="F14" s="39">
        <v>122727</v>
      </c>
      <c r="G14" s="52">
        <v>3928</v>
      </c>
      <c r="H14" s="52">
        <v>142</v>
      </c>
      <c r="I14" s="39">
        <v>4070</v>
      </c>
      <c r="J14" s="52">
        <v>4517</v>
      </c>
      <c r="K14" s="52">
        <v>134</v>
      </c>
      <c r="L14" s="39">
        <v>4651</v>
      </c>
      <c r="M14" s="52">
        <v>4528</v>
      </c>
      <c r="N14" s="52">
        <v>124</v>
      </c>
      <c r="O14" s="39">
        <v>4652</v>
      </c>
      <c r="P14" s="52">
        <v>4832</v>
      </c>
      <c r="Q14" s="52">
        <v>130</v>
      </c>
      <c r="R14" s="39">
        <v>4962</v>
      </c>
      <c r="S14" s="52">
        <v>7098</v>
      </c>
      <c r="T14" s="52">
        <v>544</v>
      </c>
      <c r="U14" s="39">
        <v>7642</v>
      </c>
      <c r="V14" s="52">
        <v>9185</v>
      </c>
      <c r="W14" s="52">
        <v>777</v>
      </c>
      <c r="X14" s="39">
        <v>9962</v>
      </c>
      <c r="Y14" s="52">
        <v>7914</v>
      </c>
      <c r="Z14" s="52">
        <v>720</v>
      </c>
      <c r="AA14" s="39">
        <v>8634</v>
      </c>
      <c r="AB14" s="52">
        <v>8140</v>
      </c>
      <c r="AC14" s="52">
        <v>512</v>
      </c>
      <c r="AD14" s="39">
        <v>8652</v>
      </c>
      <c r="AE14" s="52">
        <v>8496</v>
      </c>
      <c r="AF14" s="52">
        <v>351</v>
      </c>
      <c r="AG14" s="39">
        <v>8847</v>
      </c>
      <c r="AH14" s="52">
        <v>9542</v>
      </c>
      <c r="AI14" s="52">
        <v>260</v>
      </c>
      <c r="AJ14" s="39">
        <v>9802</v>
      </c>
      <c r="AK14" s="52">
        <v>10547</v>
      </c>
      <c r="AL14" s="52">
        <v>171</v>
      </c>
      <c r="AM14" s="39">
        <v>10718</v>
      </c>
      <c r="AN14" s="52">
        <v>9238</v>
      </c>
      <c r="AO14" s="52">
        <v>158</v>
      </c>
      <c r="AP14" s="39">
        <v>9396</v>
      </c>
      <c r="AQ14" s="52">
        <v>6883</v>
      </c>
      <c r="AR14" s="52">
        <v>100</v>
      </c>
      <c r="AS14" s="39">
        <v>6983</v>
      </c>
      <c r="AT14" s="52">
        <v>5666</v>
      </c>
      <c r="AU14" s="52">
        <v>62</v>
      </c>
      <c r="AV14" s="39">
        <v>5728</v>
      </c>
      <c r="AW14" s="52">
        <v>6188</v>
      </c>
      <c r="AX14" s="52">
        <v>49</v>
      </c>
      <c r="AY14" s="39">
        <v>6237</v>
      </c>
      <c r="AZ14" s="52">
        <v>5106</v>
      </c>
      <c r="BA14" s="52">
        <v>36</v>
      </c>
      <c r="BB14" s="39">
        <v>5142</v>
      </c>
      <c r="BC14" s="52">
        <v>3585</v>
      </c>
      <c r="BD14" s="52">
        <v>16</v>
      </c>
      <c r="BE14" s="39">
        <v>3601</v>
      </c>
      <c r="BF14" s="52">
        <v>1998</v>
      </c>
      <c r="BG14" s="52">
        <v>12</v>
      </c>
      <c r="BH14" s="39">
        <v>2010</v>
      </c>
      <c r="BI14" s="52">
        <v>817</v>
      </c>
      <c r="BJ14" s="52">
        <v>1</v>
      </c>
      <c r="BK14" s="39">
        <v>818</v>
      </c>
      <c r="BL14" s="52">
        <v>193</v>
      </c>
      <c r="BM14" s="52">
        <v>0</v>
      </c>
      <c r="BN14" s="39">
        <v>193</v>
      </c>
      <c r="BO14" s="52">
        <v>26</v>
      </c>
      <c r="BP14" s="52">
        <v>1</v>
      </c>
      <c r="BQ14" s="41">
        <v>27</v>
      </c>
      <c r="BT14" s="66"/>
    </row>
    <row r="15" spans="1:72" x14ac:dyDescent="0.15">
      <c r="A15" s="53" t="s">
        <v>35</v>
      </c>
      <c r="B15" s="26" t="s">
        <v>31</v>
      </c>
      <c r="C15" s="68"/>
      <c r="D15" s="42">
        <v>116676</v>
      </c>
      <c r="E15" s="40">
        <v>4323</v>
      </c>
      <c r="F15" s="43">
        <v>120999</v>
      </c>
      <c r="G15" s="52">
        <v>3817</v>
      </c>
      <c r="H15" s="52">
        <v>152</v>
      </c>
      <c r="I15" s="43">
        <v>3969</v>
      </c>
      <c r="J15" s="52">
        <v>4436</v>
      </c>
      <c r="K15" s="52">
        <v>157</v>
      </c>
      <c r="L15" s="43">
        <v>4593</v>
      </c>
      <c r="M15" s="52">
        <v>4388</v>
      </c>
      <c r="N15" s="52">
        <v>104</v>
      </c>
      <c r="O15" s="43">
        <v>4492</v>
      </c>
      <c r="P15" s="52">
        <v>4465</v>
      </c>
      <c r="Q15" s="52">
        <v>121</v>
      </c>
      <c r="R15" s="43">
        <v>4586</v>
      </c>
      <c r="S15" s="52">
        <v>6484</v>
      </c>
      <c r="T15" s="52">
        <v>479</v>
      </c>
      <c r="U15" s="43">
        <v>6963</v>
      </c>
      <c r="V15" s="52">
        <v>8167</v>
      </c>
      <c r="W15" s="52">
        <v>681</v>
      </c>
      <c r="X15" s="43">
        <v>8848</v>
      </c>
      <c r="Y15" s="52">
        <v>7154</v>
      </c>
      <c r="Z15" s="52">
        <v>669</v>
      </c>
      <c r="AA15" s="43">
        <v>7823</v>
      </c>
      <c r="AB15" s="52">
        <v>7480</v>
      </c>
      <c r="AC15" s="52">
        <v>447</v>
      </c>
      <c r="AD15" s="43">
        <v>7927</v>
      </c>
      <c r="AE15" s="52">
        <v>7718</v>
      </c>
      <c r="AF15" s="52">
        <v>374</v>
      </c>
      <c r="AG15" s="43">
        <v>8092</v>
      </c>
      <c r="AH15" s="52">
        <v>8943</v>
      </c>
      <c r="AI15" s="52">
        <v>251</v>
      </c>
      <c r="AJ15" s="43">
        <v>9194</v>
      </c>
      <c r="AK15" s="52">
        <v>9809</v>
      </c>
      <c r="AL15" s="52">
        <v>242</v>
      </c>
      <c r="AM15" s="43">
        <v>10051</v>
      </c>
      <c r="AN15" s="52">
        <v>8036</v>
      </c>
      <c r="AO15" s="52">
        <v>221</v>
      </c>
      <c r="AP15" s="43">
        <v>8257</v>
      </c>
      <c r="AQ15" s="52">
        <v>6184</v>
      </c>
      <c r="AR15" s="52">
        <v>153</v>
      </c>
      <c r="AS15" s="43">
        <v>6337</v>
      </c>
      <c r="AT15" s="52">
        <v>5402</v>
      </c>
      <c r="AU15" s="52">
        <v>104</v>
      </c>
      <c r="AV15" s="43">
        <v>5506</v>
      </c>
      <c r="AW15" s="52">
        <v>6491</v>
      </c>
      <c r="AX15" s="52">
        <v>60</v>
      </c>
      <c r="AY15" s="43">
        <v>6551</v>
      </c>
      <c r="AZ15" s="52">
        <v>6011</v>
      </c>
      <c r="BA15" s="52">
        <v>41</v>
      </c>
      <c r="BB15" s="43">
        <v>6052</v>
      </c>
      <c r="BC15" s="52">
        <v>5211</v>
      </c>
      <c r="BD15" s="52">
        <v>31</v>
      </c>
      <c r="BE15" s="43">
        <v>5242</v>
      </c>
      <c r="BF15" s="52">
        <v>3617</v>
      </c>
      <c r="BG15" s="52">
        <v>21</v>
      </c>
      <c r="BH15" s="43">
        <v>3638</v>
      </c>
      <c r="BI15" s="52">
        <v>2079</v>
      </c>
      <c r="BJ15" s="52">
        <v>8</v>
      </c>
      <c r="BK15" s="43">
        <v>2087</v>
      </c>
      <c r="BL15" s="52">
        <v>680</v>
      </c>
      <c r="BM15" s="52">
        <v>6</v>
      </c>
      <c r="BN15" s="43">
        <v>686</v>
      </c>
      <c r="BO15" s="52">
        <v>104</v>
      </c>
      <c r="BP15" s="52">
        <v>0</v>
      </c>
      <c r="BQ15" s="44">
        <v>104</v>
      </c>
      <c r="BT15" s="66"/>
    </row>
    <row r="16" spans="1:72" ht="15" thickBot="1" x14ac:dyDescent="0.2">
      <c r="A16" s="54"/>
      <c r="B16" s="32" t="s">
        <v>32</v>
      </c>
      <c r="C16" s="69"/>
      <c r="D16" s="46">
        <v>235103</v>
      </c>
      <c r="E16" s="47">
        <v>8623</v>
      </c>
      <c r="F16" s="48">
        <v>243726</v>
      </c>
      <c r="G16" s="49">
        <v>7745</v>
      </c>
      <c r="H16" s="48">
        <v>294</v>
      </c>
      <c r="I16" s="48">
        <v>8039</v>
      </c>
      <c r="J16" s="49">
        <v>8953</v>
      </c>
      <c r="K16" s="48">
        <v>291</v>
      </c>
      <c r="L16" s="48">
        <v>9244</v>
      </c>
      <c r="M16" s="49">
        <v>8916</v>
      </c>
      <c r="N16" s="48">
        <v>228</v>
      </c>
      <c r="O16" s="48">
        <v>9144</v>
      </c>
      <c r="P16" s="49">
        <v>9297</v>
      </c>
      <c r="Q16" s="48">
        <v>251</v>
      </c>
      <c r="R16" s="48">
        <v>9548</v>
      </c>
      <c r="S16" s="49">
        <v>13582</v>
      </c>
      <c r="T16" s="48">
        <v>1023</v>
      </c>
      <c r="U16" s="48">
        <v>14605</v>
      </c>
      <c r="V16" s="49">
        <v>17352</v>
      </c>
      <c r="W16" s="48">
        <v>1458</v>
      </c>
      <c r="X16" s="48">
        <v>18810</v>
      </c>
      <c r="Y16" s="49">
        <v>15068</v>
      </c>
      <c r="Z16" s="48">
        <v>1389</v>
      </c>
      <c r="AA16" s="48">
        <v>16457</v>
      </c>
      <c r="AB16" s="49">
        <v>15620</v>
      </c>
      <c r="AC16" s="48">
        <v>959</v>
      </c>
      <c r="AD16" s="48">
        <v>16579</v>
      </c>
      <c r="AE16" s="49">
        <v>16214</v>
      </c>
      <c r="AF16" s="48">
        <v>725</v>
      </c>
      <c r="AG16" s="48">
        <v>16939</v>
      </c>
      <c r="AH16" s="49">
        <v>18485</v>
      </c>
      <c r="AI16" s="48">
        <v>511</v>
      </c>
      <c r="AJ16" s="48">
        <v>18996</v>
      </c>
      <c r="AK16" s="49">
        <v>20356</v>
      </c>
      <c r="AL16" s="48">
        <v>413</v>
      </c>
      <c r="AM16" s="48">
        <v>20769</v>
      </c>
      <c r="AN16" s="49">
        <v>17274</v>
      </c>
      <c r="AO16" s="48">
        <v>379</v>
      </c>
      <c r="AP16" s="48">
        <v>17653</v>
      </c>
      <c r="AQ16" s="49">
        <v>13067</v>
      </c>
      <c r="AR16" s="48">
        <v>253</v>
      </c>
      <c r="AS16" s="48">
        <v>13320</v>
      </c>
      <c r="AT16" s="49">
        <v>11068</v>
      </c>
      <c r="AU16" s="48">
        <v>166</v>
      </c>
      <c r="AV16" s="48">
        <v>11234</v>
      </c>
      <c r="AW16" s="49">
        <v>12679</v>
      </c>
      <c r="AX16" s="48">
        <v>109</v>
      </c>
      <c r="AY16" s="48">
        <v>12788</v>
      </c>
      <c r="AZ16" s="49">
        <v>11117</v>
      </c>
      <c r="BA16" s="48">
        <v>77</v>
      </c>
      <c r="BB16" s="48">
        <v>11194</v>
      </c>
      <c r="BC16" s="49">
        <v>8796</v>
      </c>
      <c r="BD16" s="48">
        <v>47</v>
      </c>
      <c r="BE16" s="48">
        <v>8843</v>
      </c>
      <c r="BF16" s="49">
        <v>5615</v>
      </c>
      <c r="BG16" s="48">
        <v>33</v>
      </c>
      <c r="BH16" s="48">
        <v>5648</v>
      </c>
      <c r="BI16" s="49">
        <v>2896</v>
      </c>
      <c r="BJ16" s="48">
        <v>9</v>
      </c>
      <c r="BK16" s="48">
        <v>2905</v>
      </c>
      <c r="BL16" s="49">
        <v>873</v>
      </c>
      <c r="BM16" s="48">
        <v>6</v>
      </c>
      <c r="BN16" s="48">
        <v>879</v>
      </c>
      <c r="BO16" s="49">
        <v>130</v>
      </c>
      <c r="BP16" s="48">
        <v>1</v>
      </c>
      <c r="BQ16" s="50">
        <v>131</v>
      </c>
      <c r="BT16" s="66"/>
    </row>
    <row r="17" spans="1:72" x14ac:dyDescent="0.15">
      <c r="A17" s="53"/>
      <c r="B17" s="21" t="s">
        <v>29</v>
      </c>
      <c r="C17" s="67">
        <v>141038</v>
      </c>
      <c r="D17" s="37">
        <v>49937</v>
      </c>
      <c r="E17" s="38">
        <v>2766</v>
      </c>
      <c r="F17" s="39">
        <v>52703</v>
      </c>
      <c r="G17" s="52">
        <v>1673</v>
      </c>
      <c r="H17" s="52">
        <v>87</v>
      </c>
      <c r="I17" s="39">
        <v>1760</v>
      </c>
      <c r="J17" s="52">
        <v>1908</v>
      </c>
      <c r="K17" s="52">
        <v>82</v>
      </c>
      <c r="L17" s="39">
        <v>1990</v>
      </c>
      <c r="M17" s="52">
        <v>1818</v>
      </c>
      <c r="N17" s="52">
        <v>86</v>
      </c>
      <c r="O17" s="39">
        <v>1904</v>
      </c>
      <c r="P17" s="52">
        <v>1706</v>
      </c>
      <c r="Q17" s="52">
        <v>103</v>
      </c>
      <c r="R17" s="39">
        <v>1809</v>
      </c>
      <c r="S17" s="52">
        <v>2603</v>
      </c>
      <c r="T17" s="52">
        <v>398</v>
      </c>
      <c r="U17" s="39">
        <v>3001</v>
      </c>
      <c r="V17" s="52">
        <v>3977</v>
      </c>
      <c r="W17" s="52">
        <v>455</v>
      </c>
      <c r="X17" s="39">
        <v>4432</v>
      </c>
      <c r="Y17" s="52">
        <v>3663</v>
      </c>
      <c r="Z17" s="52">
        <v>408</v>
      </c>
      <c r="AA17" s="39">
        <v>4071</v>
      </c>
      <c r="AB17" s="52">
        <v>3864</v>
      </c>
      <c r="AC17" s="52">
        <v>333</v>
      </c>
      <c r="AD17" s="39">
        <v>4197</v>
      </c>
      <c r="AE17" s="52">
        <v>3937</v>
      </c>
      <c r="AF17" s="52">
        <v>245</v>
      </c>
      <c r="AG17" s="39">
        <v>4182</v>
      </c>
      <c r="AH17" s="52">
        <v>4462</v>
      </c>
      <c r="AI17" s="52">
        <v>198</v>
      </c>
      <c r="AJ17" s="39">
        <v>4660</v>
      </c>
      <c r="AK17" s="52">
        <v>4615</v>
      </c>
      <c r="AL17" s="52">
        <v>132</v>
      </c>
      <c r="AM17" s="39">
        <v>4747</v>
      </c>
      <c r="AN17" s="52">
        <v>3929</v>
      </c>
      <c r="AO17" s="52">
        <v>94</v>
      </c>
      <c r="AP17" s="39">
        <v>4023</v>
      </c>
      <c r="AQ17" s="52">
        <v>2883</v>
      </c>
      <c r="AR17" s="52">
        <v>57</v>
      </c>
      <c r="AS17" s="39">
        <v>2940</v>
      </c>
      <c r="AT17" s="52">
        <v>2253</v>
      </c>
      <c r="AU17" s="52">
        <v>42</v>
      </c>
      <c r="AV17" s="39">
        <v>2295</v>
      </c>
      <c r="AW17" s="52">
        <v>2326</v>
      </c>
      <c r="AX17" s="52">
        <v>23</v>
      </c>
      <c r="AY17" s="39">
        <v>2349</v>
      </c>
      <c r="AZ17" s="52">
        <v>1898</v>
      </c>
      <c r="BA17" s="52">
        <v>15</v>
      </c>
      <c r="BB17" s="39">
        <v>1913</v>
      </c>
      <c r="BC17" s="52">
        <v>1273</v>
      </c>
      <c r="BD17" s="52">
        <v>5</v>
      </c>
      <c r="BE17" s="39">
        <v>1278</v>
      </c>
      <c r="BF17" s="52">
        <v>751</v>
      </c>
      <c r="BG17" s="52">
        <v>3</v>
      </c>
      <c r="BH17" s="39">
        <v>754</v>
      </c>
      <c r="BI17" s="52">
        <v>325</v>
      </c>
      <c r="BJ17" s="52">
        <v>0</v>
      </c>
      <c r="BK17" s="39">
        <v>325</v>
      </c>
      <c r="BL17" s="52">
        <v>68</v>
      </c>
      <c r="BM17" s="52">
        <v>0</v>
      </c>
      <c r="BN17" s="39">
        <v>68</v>
      </c>
      <c r="BO17" s="52">
        <v>5</v>
      </c>
      <c r="BP17" s="52">
        <v>0</v>
      </c>
      <c r="BQ17" s="41">
        <v>5</v>
      </c>
      <c r="BT17" s="66"/>
    </row>
    <row r="18" spans="1:72" x14ac:dyDescent="0.15">
      <c r="A18" s="53" t="s">
        <v>36</v>
      </c>
      <c r="B18" s="26" t="s">
        <v>31</v>
      </c>
      <c r="C18" s="68"/>
      <c r="D18" s="42">
        <v>49727</v>
      </c>
      <c r="E18" s="40">
        <v>2707</v>
      </c>
      <c r="F18" s="43">
        <v>52434</v>
      </c>
      <c r="G18" s="52">
        <v>1703</v>
      </c>
      <c r="H18" s="52">
        <v>97</v>
      </c>
      <c r="I18" s="43">
        <v>1800</v>
      </c>
      <c r="J18" s="52">
        <v>1804</v>
      </c>
      <c r="K18" s="52">
        <v>95</v>
      </c>
      <c r="L18" s="43">
        <v>1899</v>
      </c>
      <c r="M18" s="52">
        <v>1796</v>
      </c>
      <c r="N18" s="52">
        <v>88</v>
      </c>
      <c r="O18" s="43">
        <v>1884</v>
      </c>
      <c r="P18" s="52">
        <v>1672</v>
      </c>
      <c r="Q18" s="52">
        <v>85</v>
      </c>
      <c r="R18" s="43">
        <v>1757</v>
      </c>
      <c r="S18" s="52">
        <v>2535</v>
      </c>
      <c r="T18" s="52">
        <v>346</v>
      </c>
      <c r="U18" s="43">
        <v>2881</v>
      </c>
      <c r="V18" s="52">
        <v>3488</v>
      </c>
      <c r="W18" s="52">
        <v>393</v>
      </c>
      <c r="X18" s="43">
        <v>3881</v>
      </c>
      <c r="Y18" s="52">
        <v>3371</v>
      </c>
      <c r="Z18" s="52">
        <v>366</v>
      </c>
      <c r="AA18" s="43">
        <v>3737</v>
      </c>
      <c r="AB18" s="52">
        <v>3469</v>
      </c>
      <c r="AC18" s="52">
        <v>290</v>
      </c>
      <c r="AD18" s="43">
        <v>3759</v>
      </c>
      <c r="AE18" s="52">
        <v>3700</v>
      </c>
      <c r="AF18" s="52">
        <v>255</v>
      </c>
      <c r="AG18" s="43">
        <v>3955</v>
      </c>
      <c r="AH18" s="52">
        <v>4180</v>
      </c>
      <c r="AI18" s="52">
        <v>182</v>
      </c>
      <c r="AJ18" s="43">
        <v>4362</v>
      </c>
      <c r="AK18" s="52">
        <v>4466</v>
      </c>
      <c r="AL18" s="52">
        <v>159</v>
      </c>
      <c r="AM18" s="43">
        <v>4625</v>
      </c>
      <c r="AN18" s="52">
        <v>3490</v>
      </c>
      <c r="AO18" s="52">
        <v>115</v>
      </c>
      <c r="AP18" s="43">
        <v>3605</v>
      </c>
      <c r="AQ18" s="52">
        <v>2683</v>
      </c>
      <c r="AR18" s="52">
        <v>86</v>
      </c>
      <c r="AS18" s="43">
        <v>2769</v>
      </c>
      <c r="AT18" s="52">
        <v>2200</v>
      </c>
      <c r="AU18" s="52">
        <v>71</v>
      </c>
      <c r="AV18" s="43">
        <v>2271</v>
      </c>
      <c r="AW18" s="52">
        <v>2369</v>
      </c>
      <c r="AX18" s="52">
        <v>29</v>
      </c>
      <c r="AY18" s="43">
        <v>2398</v>
      </c>
      <c r="AZ18" s="52">
        <v>2385</v>
      </c>
      <c r="BA18" s="52">
        <v>19</v>
      </c>
      <c r="BB18" s="43">
        <v>2404</v>
      </c>
      <c r="BC18" s="52">
        <v>1831</v>
      </c>
      <c r="BD18" s="52">
        <v>13</v>
      </c>
      <c r="BE18" s="43">
        <v>1844</v>
      </c>
      <c r="BF18" s="52">
        <v>1432</v>
      </c>
      <c r="BG18" s="52">
        <v>8</v>
      </c>
      <c r="BH18" s="43">
        <v>1440</v>
      </c>
      <c r="BI18" s="52">
        <v>819</v>
      </c>
      <c r="BJ18" s="52">
        <v>7</v>
      </c>
      <c r="BK18" s="43">
        <v>826</v>
      </c>
      <c r="BL18" s="52">
        <v>299</v>
      </c>
      <c r="BM18" s="52">
        <v>2</v>
      </c>
      <c r="BN18" s="43">
        <v>301</v>
      </c>
      <c r="BO18" s="52">
        <v>35</v>
      </c>
      <c r="BP18" s="52">
        <v>1</v>
      </c>
      <c r="BQ18" s="44">
        <v>36</v>
      </c>
      <c r="BT18" s="66"/>
    </row>
    <row r="19" spans="1:72" ht="15" thickBot="1" x14ac:dyDescent="0.2">
      <c r="A19" s="54"/>
      <c r="B19" s="32" t="s">
        <v>32</v>
      </c>
      <c r="C19" s="69"/>
      <c r="D19" s="46">
        <v>99664</v>
      </c>
      <c r="E19" s="47">
        <v>5473</v>
      </c>
      <c r="F19" s="48">
        <v>105137</v>
      </c>
      <c r="G19" s="49">
        <v>3376</v>
      </c>
      <c r="H19" s="48">
        <v>184</v>
      </c>
      <c r="I19" s="48">
        <v>3560</v>
      </c>
      <c r="J19" s="49">
        <v>3712</v>
      </c>
      <c r="K19" s="48">
        <v>177</v>
      </c>
      <c r="L19" s="48">
        <v>3889</v>
      </c>
      <c r="M19" s="49">
        <v>3614</v>
      </c>
      <c r="N19" s="48">
        <v>174</v>
      </c>
      <c r="O19" s="48">
        <v>3788</v>
      </c>
      <c r="P19" s="49">
        <v>3378</v>
      </c>
      <c r="Q19" s="48">
        <v>188</v>
      </c>
      <c r="R19" s="48">
        <v>3566</v>
      </c>
      <c r="S19" s="49">
        <v>5138</v>
      </c>
      <c r="T19" s="48">
        <v>744</v>
      </c>
      <c r="U19" s="48">
        <v>5882</v>
      </c>
      <c r="V19" s="49">
        <v>7465</v>
      </c>
      <c r="W19" s="48">
        <v>848</v>
      </c>
      <c r="X19" s="48">
        <v>8313</v>
      </c>
      <c r="Y19" s="49">
        <v>7034</v>
      </c>
      <c r="Z19" s="48">
        <v>774</v>
      </c>
      <c r="AA19" s="48">
        <v>7808</v>
      </c>
      <c r="AB19" s="49">
        <v>7333</v>
      </c>
      <c r="AC19" s="48">
        <v>623</v>
      </c>
      <c r="AD19" s="48">
        <v>7956</v>
      </c>
      <c r="AE19" s="49">
        <v>7637</v>
      </c>
      <c r="AF19" s="48">
        <v>500</v>
      </c>
      <c r="AG19" s="48">
        <v>8137</v>
      </c>
      <c r="AH19" s="49">
        <v>8642</v>
      </c>
      <c r="AI19" s="48">
        <v>380</v>
      </c>
      <c r="AJ19" s="48">
        <v>9022</v>
      </c>
      <c r="AK19" s="49">
        <v>9081</v>
      </c>
      <c r="AL19" s="48">
        <v>291</v>
      </c>
      <c r="AM19" s="48">
        <v>9372</v>
      </c>
      <c r="AN19" s="49">
        <v>7419</v>
      </c>
      <c r="AO19" s="48">
        <v>209</v>
      </c>
      <c r="AP19" s="48">
        <v>7628</v>
      </c>
      <c r="AQ19" s="49">
        <v>5566</v>
      </c>
      <c r="AR19" s="48">
        <v>143</v>
      </c>
      <c r="AS19" s="48">
        <v>5709</v>
      </c>
      <c r="AT19" s="49">
        <v>4453</v>
      </c>
      <c r="AU19" s="48">
        <v>113</v>
      </c>
      <c r="AV19" s="48">
        <v>4566</v>
      </c>
      <c r="AW19" s="49">
        <v>4695</v>
      </c>
      <c r="AX19" s="48">
        <v>52</v>
      </c>
      <c r="AY19" s="48">
        <v>4747</v>
      </c>
      <c r="AZ19" s="49">
        <v>4283</v>
      </c>
      <c r="BA19" s="48">
        <v>34</v>
      </c>
      <c r="BB19" s="48">
        <v>4317</v>
      </c>
      <c r="BC19" s="49">
        <v>3104</v>
      </c>
      <c r="BD19" s="48">
        <v>18</v>
      </c>
      <c r="BE19" s="48">
        <v>3122</v>
      </c>
      <c r="BF19" s="49">
        <v>2183</v>
      </c>
      <c r="BG19" s="48">
        <v>11</v>
      </c>
      <c r="BH19" s="48">
        <v>2194</v>
      </c>
      <c r="BI19" s="49">
        <v>1144</v>
      </c>
      <c r="BJ19" s="48">
        <v>7</v>
      </c>
      <c r="BK19" s="48">
        <v>1151</v>
      </c>
      <c r="BL19" s="49">
        <v>367</v>
      </c>
      <c r="BM19" s="48">
        <v>2</v>
      </c>
      <c r="BN19" s="48">
        <v>369</v>
      </c>
      <c r="BO19" s="49">
        <v>40</v>
      </c>
      <c r="BP19" s="48">
        <v>1</v>
      </c>
      <c r="BQ19" s="50">
        <v>41</v>
      </c>
      <c r="BT19" s="66"/>
    </row>
    <row r="20" spans="1:72" x14ac:dyDescent="0.15">
      <c r="A20" s="53"/>
      <c r="B20" s="21" t="s">
        <v>29</v>
      </c>
      <c r="C20" s="67">
        <v>141046</v>
      </c>
      <c r="D20" s="37">
        <v>71136</v>
      </c>
      <c r="E20" s="38">
        <v>8208</v>
      </c>
      <c r="F20" s="39">
        <v>79344</v>
      </c>
      <c r="G20" s="52">
        <v>1761</v>
      </c>
      <c r="H20" s="52">
        <v>252</v>
      </c>
      <c r="I20" s="39">
        <v>2013</v>
      </c>
      <c r="J20" s="52">
        <v>2268</v>
      </c>
      <c r="K20" s="52">
        <v>396</v>
      </c>
      <c r="L20" s="39">
        <v>2664</v>
      </c>
      <c r="M20" s="52">
        <v>2506</v>
      </c>
      <c r="N20" s="52">
        <v>345</v>
      </c>
      <c r="O20" s="39">
        <v>2851</v>
      </c>
      <c r="P20" s="52">
        <v>2536</v>
      </c>
      <c r="Q20" s="52">
        <v>372</v>
      </c>
      <c r="R20" s="39">
        <v>2908</v>
      </c>
      <c r="S20" s="52">
        <v>3066</v>
      </c>
      <c r="T20" s="52">
        <v>785</v>
      </c>
      <c r="U20" s="39">
        <v>3851</v>
      </c>
      <c r="V20" s="52">
        <v>4014</v>
      </c>
      <c r="W20" s="52">
        <v>764</v>
      </c>
      <c r="X20" s="39">
        <v>4778</v>
      </c>
      <c r="Y20" s="52">
        <v>3790</v>
      </c>
      <c r="Z20" s="52">
        <v>805</v>
      </c>
      <c r="AA20" s="39">
        <v>4595</v>
      </c>
      <c r="AB20" s="52">
        <v>4004</v>
      </c>
      <c r="AC20" s="52">
        <v>789</v>
      </c>
      <c r="AD20" s="39">
        <v>4793</v>
      </c>
      <c r="AE20" s="52">
        <v>4575</v>
      </c>
      <c r="AF20" s="52">
        <v>825</v>
      </c>
      <c r="AG20" s="39">
        <v>5400</v>
      </c>
      <c r="AH20" s="52">
        <v>5828</v>
      </c>
      <c r="AI20" s="52">
        <v>701</v>
      </c>
      <c r="AJ20" s="39">
        <v>6529</v>
      </c>
      <c r="AK20" s="52">
        <v>7063</v>
      </c>
      <c r="AL20" s="52">
        <v>634</v>
      </c>
      <c r="AM20" s="39">
        <v>7697</v>
      </c>
      <c r="AN20" s="52">
        <v>6919</v>
      </c>
      <c r="AO20" s="52">
        <v>468</v>
      </c>
      <c r="AP20" s="39">
        <v>7387</v>
      </c>
      <c r="AQ20" s="52">
        <v>5416</v>
      </c>
      <c r="AR20" s="52">
        <v>359</v>
      </c>
      <c r="AS20" s="39">
        <v>5775</v>
      </c>
      <c r="AT20" s="52">
        <v>4354</v>
      </c>
      <c r="AU20" s="52">
        <v>256</v>
      </c>
      <c r="AV20" s="39">
        <v>4610</v>
      </c>
      <c r="AW20" s="52">
        <v>4790</v>
      </c>
      <c r="AX20" s="52">
        <v>179</v>
      </c>
      <c r="AY20" s="39">
        <v>4969</v>
      </c>
      <c r="AZ20" s="52">
        <v>3897</v>
      </c>
      <c r="BA20" s="52">
        <v>134</v>
      </c>
      <c r="BB20" s="39">
        <v>4031</v>
      </c>
      <c r="BC20" s="52">
        <v>2446</v>
      </c>
      <c r="BD20" s="52">
        <v>77</v>
      </c>
      <c r="BE20" s="39">
        <v>2523</v>
      </c>
      <c r="BF20" s="52">
        <v>1254</v>
      </c>
      <c r="BG20" s="52">
        <v>44</v>
      </c>
      <c r="BH20" s="39">
        <v>1298</v>
      </c>
      <c r="BI20" s="52">
        <v>523</v>
      </c>
      <c r="BJ20" s="52">
        <v>14</v>
      </c>
      <c r="BK20" s="39">
        <v>537</v>
      </c>
      <c r="BL20" s="52">
        <v>112</v>
      </c>
      <c r="BM20" s="52">
        <v>7</v>
      </c>
      <c r="BN20" s="39">
        <v>119</v>
      </c>
      <c r="BO20" s="52">
        <v>14</v>
      </c>
      <c r="BP20" s="52">
        <v>1</v>
      </c>
      <c r="BQ20" s="41">
        <v>15</v>
      </c>
      <c r="BT20" s="66"/>
    </row>
    <row r="21" spans="1:72" x14ac:dyDescent="0.15">
      <c r="A21" s="53" t="s">
        <v>37</v>
      </c>
      <c r="B21" s="26" t="s">
        <v>31</v>
      </c>
      <c r="C21" s="68"/>
      <c r="D21" s="42">
        <v>65713</v>
      </c>
      <c r="E21" s="40">
        <v>8999</v>
      </c>
      <c r="F21" s="43">
        <v>74712</v>
      </c>
      <c r="G21" s="52">
        <v>1707</v>
      </c>
      <c r="H21" s="52">
        <v>210</v>
      </c>
      <c r="I21" s="43">
        <v>1917</v>
      </c>
      <c r="J21" s="52">
        <v>2140</v>
      </c>
      <c r="K21" s="52">
        <v>333</v>
      </c>
      <c r="L21" s="43">
        <v>2473</v>
      </c>
      <c r="M21" s="52">
        <v>2383</v>
      </c>
      <c r="N21" s="52">
        <v>309</v>
      </c>
      <c r="O21" s="43">
        <v>2692</v>
      </c>
      <c r="P21" s="52">
        <v>2438</v>
      </c>
      <c r="Q21" s="52">
        <v>344</v>
      </c>
      <c r="R21" s="43">
        <v>2782</v>
      </c>
      <c r="S21" s="52">
        <v>3181</v>
      </c>
      <c r="T21" s="52">
        <v>762</v>
      </c>
      <c r="U21" s="43">
        <v>3943</v>
      </c>
      <c r="V21" s="52">
        <v>3602</v>
      </c>
      <c r="W21" s="52">
        <v>748</v>
      </c>
      <c r="X21" s="43">
        <v>4350</v>
      </c>
      <c r="Y21" s="52">
        <v>3356</v>
      </c>
      <c r="Z21" s="52">
        <v>794</v>
      </c>
      <c r="AA21" s="43">
        <v>4150</v>
      </c>
      <c r="AB21" s="52">
        <v>3659</v>
      </c>
      <c r="AC21" s="52">
        <v>931</v>
      </c>
      <c r="AD21" s="43">
        <v>4590</v>
      </c>
      <c r="AE21" s="52">
        <v>4355</v>
      </c>
      <c r="AF21" s="52">
        <v>983</v>
      </c>
      <c r="AG21" s="43">
        <v>5338</v>
      </c>
      <c r="AH21" s="52">
        <v>5318</v>
      </c>
      <c r="AI21" s="52">
        <v>881</v>
      </c>
      <c r="AJ21" s="43">
        <v>6199</v>
      </c>
      <c r="AK21" s="52">
        <v>6350</v>
      </c>
      <c r="AL21" s="52">
        <v>772</v>
      </c>
      <c r="AM21" s="43">
        <v>7122</v>
      </c>
      <c r="AN21" s="52">
        <v>5546</v>
      </c>
      <c r="AO21" s="52">
        <v>602</v>
      </c>
      <c r="AP21" s="43">
        <v>6148</v>
      </c>
      <c r="AQ21" s="52">
        <v>4216</v>
      </c>
      <c r="AR21" s="52">
        <v>464</v>
      </c>
      <c r="AS21" s="43">
        <v>4680</v>
      </c>
      <c r="AT21" s="52">
        <v>3401</v>
      </c>
      <c r="AU21" s="52">
        <v>305</v>
      </c>
      <c r="AV21" s="43">
        <v>3706</v>
      </c>
      <c r="AW21" s="52">
        <v>3698</v>
      </c>
      <c r="AX21" s="52">
        <v>216</v>
      </c>
      <c r="AY21" s="43">
        <v>3914</v>
      </c>
      <c r="AZ21" s="52">
        <v>3604</v>
      </c>
      <c r="BA21" s="52">
        <v>127</v>
      </c>
      <c r="BB21" s="43">
        <v>3731</v>
      </c>
      <c r="BC21" s="52">
        <v>2860</v>
      </c>
      <c r="BD21" s="52">
        <v>112</v>
      </c>
      <c r="BE21" s="43">
        <v>2972</v>
      </c>
      <c r="BF21" s="52">
        <v>2130</v>
      </c>
      <c r="BG21" s="52">
        <v>63</v>
      </c>
      <c r="BH21" s="43">
        <v>2193</v>
      </c>
      <c r="BI21" s="52">
        <v>1272</v>
      </c>
      <c r="BJ21" s="52">
        <v>31</v>
      </c>
      <c r="BK21" s="43">
        <v>1303</v>
      </c>
      <c r="BL21" s="52">
        <v>427</v>
      </c>
      <c r="BM21" s="52">
        <v>8</v>
      </c>
      <c r="BN21" s="43">
        <v>435</v>
      </c>
      <c r="BO21" s="52">
        <v>70</v>
      </c>
      <c r="BP21" s="52">
        <v>3</v>
      </c>
      <c r="BQ21" s="44">
        <v>73</v>
      </c>
      <c r="BT21" s="66"/>
    </row>
    <row r="22" spans="1:72" ht="15" thickBot="1" x14ac:dyDescent="0.2">
      <c r="A22" s="54"/>
      <c r="B22" s="32" t="s">
        <v>32</v>
      </c>
      <c r="C22" s="69"/>
      <c r="D22" s="46">
        <v>136849</v>
      </c>
      <c r="E22" s="47">
        <v>17207</v>
      </c>
      <c r="F22" s="48">
        <v>154056</v>
      </c>
      <c r="G22" s="49">
        <v>3468</v>
      </c>
      <c r="H22" s="48">
        <v>462</v>
      </c>
      <c r="I22" s="48">
        <v>3930</v>
      </c>
      <c r="J22" s="49">
        <v>4408</v>
      </c>
      <c r="K22" s="48">
        <v>729</v>
      </c>
      <c r="L22" s="48">
        <v>5137</v>
      </c>
      <c r="M22" s="49">
        <v>4889</v>
      </c>
      <c r="N22" s="48">
        <v>654</v>
      </c>
      <c r="O22" s="48">
        <v>5543</v>
      </c>
      <c r="P22" s="49">
        <v>4974</v>
      </c>
      <c r="Q22" s="48">
        <v>716</v>
      </c>
      <c r="R22" s="48">
        <v>5690</v>
      </c>
      <c r="S22" s="49">
        <v>6247</v>
      </c>
      <c r="T22" s="48">
        <v>1547</v>
      </c>
      <c r="U22" s="48">
        <v>7794</v>
      </c>
      <c r="V22" s="49">
        <v>7616</v>
      </c>
      <c r="W22" s="48">
        <v>1512</v>
      </c>
      <c r="X22" s="48">
        <v>9128</v>
      </c>
      <c r="Y22" s="49">
        <v>7146</v>
      </c>
      <c r="Z22" s="48">
        <v>1599</v>
      </c>
      <c r="AA22" s="48">
        <v>8745</v>
      </c>
      <c r="AB22" s="49">
        <v>7663</v>
      </c>
      <c r="AC22" s="48">
        <v>1720</v>
      </c>
      <c r="AD22" s="48">
        <v>9383</v>
      </c>
      <c r="AE22" s="49">
        <v>8930</v>
      </c>
      <c r="AF22" s="48">
        <v>1808</v>
      </c>
      <c r="AG22" s="48">
        <v>10738</v>
      </c>
      <c r="AH22" s="49">
        <v>11146</v>
      </c>
      <c r="AI22" s="48">
        <v>1582</v>
      </c>
      <c r="AJ22" s="48">
        <v>12728</v>
      </c>
      <c r="AK22" s="49">
        <v>13413</v>
      </c>
      <c r="AL22" s="48">
        <v>1406</v>
      </c>
      <c r="AM22" s="48">
        <v>14819</v>
      </c>
      <c r="AN22" s="49">
        <v>12465</v>
      </c>
      <c r="AO22" s="48">
        <v>1070</v>
      </c>
      <c r="AP22" s="48">
        <v>13535</v>
      </c>
      <c r="AQ22" s="49">
        <v>9632</v>
      </c>
      <c r="AR22" s="48">
        <v>823</v>
      </c>
      <c r="AS22" s="48">
        <v>10455</v>
      </c>
      <c r="AT22" s="49">
        <v>7755</v>
      </c>
      <c r="AU22" s="48">
        <v>561</v>
      </c>
      <c r="AV22" s="48">
        <v>8316</v>
      </c>
      <c r="AW22" s="49">
        <v>8488</v>
      </c>
      <c r="AX22" s="48">
        <v>395</v>
      </c>
      <c r="AY22" s="48">
        <v>8883</v>
      </c>
      <c r="AZ22" s="49">
        <v>7501</v>
      </c>
      <c r="BA22" s="48">
        <v>261</v>
      </c>
      <c r="BB22" s="48">
        <v>7762</v>
      </c>
      <c r="BC22" s="49">
        <v>5306</v>
      </c>
      <c r="BD22" s="48">
        <v>189</v>
      </c>
      <c r="BE22" s="48">
        <v>5495</v>
      </c>
      <c r="BF22" s="49">
        <v>3384</v>
      </c>
      <c r="BG22" s="48">
        <v>107</v>
      </c>
      <c r="BH22" s="48">
        <v>3491</v>
      </c>
      <c r="BI22" s="49">
        <v>1795</v>
      </c>
      <c r="BJ22" s="48">
        <v>45</v>
      </c>
      <c r="BK22" s="48">
        <v>1840</v>
      </c>
      <c r="BL22" s="49">
        <v>539</v>
      </c>
      <c r="BM22" s="48">
        <v>15</v>
      </c>
      <c r="BN22" s="48">
        <v>554</v>
      </c>
      <c r="BO22" s="49">
        <v>84</v>
      </c>
      <c r="BP22" s="48">
        <v>4</v>
      </c>
      <c r="BQ22" s="50">
        <v>88</v>
      </c>
      <c r="BT22" s="66"/>
    </row>
    <row r="23" spans="1:72" x14ac:dyDescent="0.15">
      <c r="A23" s="53"/>
      <c r="B23" s="21" t="s">
        <v>29</v>
      </c>
      <c r="C23" s="67">
        <v>141054</v>
      </c>
      <c r="D23" s="37">
        <v>94184</v>
      </c>
      <c r="E23" s="38">
        <v>5887</v>
      </c>
      <c r="F23" s="39">
        <v>100071</v>
      </c>
      <c r="G23" s="52">
        <v>2503</v>
      </c>
      <c r="H23" s="52">
        <v>253</v>
      </c>
      <c r="I23" s="39">
        <v>2756</v>
      </c>
      <c r="J23" s="52">
        <v>2874</v>
      </c>
      <c r="K23" s="52">
        <v>311</v>
      </c>
      <c r="L23" s="39">
        <v>3185</v>
      </c>
      <c r="M23" s="52">
        <v>3337</v>
      </c>
      <c r="N23" s="52">
        <v>250</v>
      </c>
      <c r="O23" s="39">
        <v>3587</v>
      </c>
      <c r="P23" s="52">
        <v>3470</v>
      </c>
      <c r="Q23" s="52">
        <v>231</v>
      </c>
      <c r="R23" s="39">
        <v>3701</v>
      </c>
      <c r="S23" s="52">
        <v>5124</v>
      </c>
      <c r="T23" s="52">
        <v>686</v>
      </c>
      <c r="U23" s="39">
        <v>5810</v>
      </c>
      <c r="V23" s="52">
        <v>6461</v>
      </c>
      <c r="W23" s="52">
        <v>876</v>
      </c>
      <c r="X23" s="39">
        <v>7337</v>
      </c>
      <c r="Y23" s="52">
        <v>5248</v>
      </c>
      <c r="Z23" s="52">
        <v>809</v>
      </c>
      <c r="AA23" s="39">
        <v>6057</v>
      </c>
      <c r="AB23" s="52">
        <v>5445</v>
      </c>
      <c r="AC23" s="52">
        <v>679</v>
      </c>
      <c r="AD23" s="39">
        <v>6124</v>
      </c>
      <c r="AE23" s="52">
        <v>6087</v>
      </c>
      <c r="AF23" s="52">
        <v>536</v>
      </c>
      <c r="AG23" s="39">
        <v>6623</v>
      </c>
      <c r="AH23" s="52">
        <v>7189</v>
      </c>
      <c r="AI23" s="52">
        <v>355</v>
      </c>
      <c r="AJ23" s="39">
        <v>7544</v>
      </c>
      <c r="AK23" s="52">
        <v>8593</v>
      </c>
      <c r="AL23" s="52">
        <v>267</v>
      </c>
      <c r="AM23" s="39">
        <v>8860</v>
      </c>
      <c r="AN23" s="52">
        <v>7638</v>
      </c>
      <c r="AO23" s="52">
        <v>216</v>
      </c>
      <c r="AP23" s="39">
        <v>7854</v>
      </c>
      <c r="AQ23" s="52">
        <v>6306</v>
      </c>
      <c r="AR23" s="52">
        <v>148</v>
      </c>
      <c r="AS23" s="39">
        <v>6454</v>
      </c>
      <c r="AT23" s="52">
        <v>5524</v>
      </c>
      <c r="AU23" s="52">
        <v>97</v>
      </c>
      <c r="AV23" s="39">
        <v>5621</v>
      </c>
      <c r="AW23" s="52">
        <v>6342</v>
      </c>
      <c r="AX23" s="52">
        <v>86</v>
      </c>
      <c r="AY23" s="39">
        <v>6428</v>
      </c>
      <c r="AZ23" s="52">
        <v>5255</v>
      </c>
      <c r="BA23" s="52">
        <v>50</v>
      </c>
      <c r="BB23" s="39">
        <v>5305</v>
      </c>
      <c r="BC23" s="52">
        <v>3614</v>
      </c>
      <c r="BD23" s="52">
        <v>20</v>
      </c>
      <c r="BE23" s="39">
        <v>3634</v>
      </c>
      <c r="BF23" s="52">
        <v>2171</v>
      </c>
      <c r="BG23" s="52">
        <v>10</v>
      </c>
      <c r="BH23" s="39">
        <v>2181</v>
      </c>
      <c r="BI23" s="52">
        <v>827</v>
      </c>
      <c r="BJ23" s="52">
        <v>6</v>
      </c>
      <c r="BK23" s="39">
        <v>833</v>
      </c>
      <c r="BL23" s="52">
        <v>161</v>
      </c>
      <c r="BM23" s="52">
        <v>1</v>
      </c>
      <c r="BN23" s="39">
        <v>162</v>
      </c>
      <c r="BO23" s="52">
        <v>15</v>
      </c>
      <c r="BP23" s="52">
        <v>0</v>
      </c>
      <c r="BQ23" s="41">
        <v>15</v>
      </c>
      <c r="BT23" s="66"/>
    </row>
    <row r="24" spans="1:72" x14ac:dyDescent="0.15">
      <c r="A24" s="53" t="s">
        <v>38</v>
      </c>
      <c r="B24" s="26" t="s">
        <v>31</v>
      </c>
      <c r="C24" s="68"/>
      <c r="D24" s="42">
        <v>93450</v>
      </c>
      <c r="E24" s="40">
        <v>6648</v>
      </c>
      <c r="F24" s="43">
        <v>100098</v>
      </c>
      <c r="G24" s="52">
        <v>2390</v>
      </c>
      <c r="H24" s="52">
        <v>219</v>
      </c>
      <c r="I24" s="43">
        <v>2609</v>
      </c>
      <c r="J24" s="52">
        <v>2806</v>
      </c>
      <c r="K24" s="52">
        <v>256</v>
      </c>
      <c r="L24" s="43">
        <v>3062</v>
      </c>
      <c r="M24" s="52">
        <v>3082</v>
      </c>
      <c r="N24" s="52">
        <v>219</v>
      </c>
      <c r="O24" s="43">
        <v>3301</v>
      </c>
      <c r="P24" s="52">
        <v>3294</v>
      </c>
      <c r="Q24" s="52">
        <v>237</v>
      </c>
      <c r="R24" s="43">
        <v>3531</v>
      </c>
      <c r="S24" s="52">
        <v>5207</v>
      </c>
      <c r="T24" s="52">
        <v>584</v>
      </c>
      <c r="U24" s="43">
        <v>5791</v>
      </c>
      <c r="V24" s="52">
        <v>6051</v>
      </c>
      <c r="W24" s="52">
        <v>737</v>
      </c>
      <c r="X24" s="43">
        <v>6788</v>
      </c>
      <c r="Y24" s="52">
        <v>4910</v>
      </c>
      <c r="Z24" s="52">
        <v>727</v>
      </c>
      <c r="AA24" s="43">
        <v>5637</v>
      </c>
      <c r="AB24" s="52">
        <v>5029</v>
      </c>
      <c r="AC24" s="52">
        <v>705</v>
      </c>
      <c r="AD24" s="43">
        <v>5734</v>
      </c>
      <c r="AE24" s="52">
        <v>5536</v>
      </c>
      <c r="AF24" s="52">
        <v>693</v>
      </c>
      <c r="AG24" s="43">
        <v>6229</v>
      </c>
      <c r="AH24" s="52">
        <v>6436</v>
      </c>
      <c r="AI24" s="52">
        <v>523</v>
      </c>
      <c r="AJ24" s="43">
        <v>6959</v>
      </c>
      <c r="AK24" s="52">
        <v>7666</v>
      </c>
      <c r="AL24" s="52">
        <v>504</v>
      </c>
      <c r="AM24" s="43">
        <v>8170</v>
      </c>
      <c r="AN24" s="52">
        <v>6573</v>
      </c>
      <c r="AO24" s="52">
        <v>450</v>
      </c>
      <c r="AP24" s="43">
        <v>7023</v>
      </c>
      <c r="AQ24" s="52">
        <v>5582</v>
      </c>
      <c r="AR24" s="52">
        <v>316</v>
      </c>
      <c r="AS24" s="43">
        <v>5898</v>
      </c>
      <c r="AT24" s="52">
        <v>5110</v>
      </c>
      <c r="AU24" s="52">
        <v>220</v>
      </c>
      <c r="AV24" s="43">
        <v>5330</v>
      </c>
      <c r="AW24" s="52">
        <v>6174</v>
      </c>
      <c r="AX24" s="52">
        <v>110</v>
      </c>
      <c r="AY24" s="43">
        <v>6284</v>
      </c>
      <c r="AZ24" s="52">
        <v>5913</v>
      </c>
      <c r="BA24" s="52">
        <v>61</v>
      </c>
      <c r="BB24" s="43">
        <v>5974</v>
      </c>
      <c r="BC24" s="52">
        <v>5339</v>
      </c>
      <c r="BD24" s="52">
        <v>52</v>
      </c>
      <c r="BE24" s="43">
        <v>5391</v>
      </c>
      <c r="BF24" s="52">
        <v>3712</v>
      </c>
      <c r="BG24" s="52">
        <v>21</v>
      </c>
      <c r="BH24" s="43">
        <v>3733</v>
      </c>
      <c r="BI24" s="52">
        <v>1949</v>
      </c>
      <c r="BJ24" s="52">
        <v>6</v>
      </c>
      <c r="BK24" s="43">
        <v>1955</v>
      </c>
      <c r="BL24" s="52">
        <v>597</v>
      </c>
      <c r="BM24" s="52">
        <v>6</v>
      </c>
      <c r="BN24" s="43">
        <v>603</v>
      </c>
      <c r="BO24" s="52">
        <v>94</v>
      </c>
      <c r="BP24" s="52">
        <v>0</v>
      </c>
      <c r="BQ24" s="44">
        <v>94</v>
      </c>
      <c r="BT24" s="66"/>
    </row>
    <row r="25" spans="1:72" ht="15" thickBot="1" x14ac:dyDescent="0.2">
      <c r="A25" s="54"/>
      <c r="B25" s="32" t="s">
        <v>32</v>
      </c>
      <c r="C25" s="69"/>
      <c r="D25" s="46">
        <v>187634</v>
      </c>
      <c r="E25" s="47">
        <v>12535</v>
      </c>
      <c r="F25" s="48">
        <v>200169</v>
      </c>
      <c r="G25" s="49">
        <v>4893</v>
      </c>
      <c r="H25" s="48">
        <v>472</v>
      </c>
      <c r="I25" s="48">
        <v>5365</v>
      </c>
      <c r="J25" s="49">
        <v>5680</v>
      </c>
      <c r="K25" s="48">
        <v>567</v>
      </c>
      <c r="L25" s="48">
        <v>6247</v>
      </c>
      <c r="M25" s="49">
        <v>6419</v>
      </c>
      <c r="N25" s="48">
        <v>469</v>
      </c>
      <c r="O25" s="48">
        <v>6888</v>
      </c>
      <c r="P25" s="49">
        <v>6764</v>
      </c>
      <c r="Q25" s="48">
        <v>468</v>
      </c>
      <c r="R25" s="48">
        <v>7232</v>
      </c>
      <c r="S25" s="49">
        <v>10331</v>
      </c>
      <c r="T25" s="48">
        <v>1270</v>
      </c>
      <c r="U25" s="48">
        <v>11601</v>
      </c>
      <c r="V25" s="49">
        <v>12512</v>
      </c>
      <c r="W25" s="48">
        <v>1613</v>
      </c>
      <c r="X25" s="48">
        <v>14125</v>
      </c>
      <c r="Y25" s="49">
        <v>10158</v>
      </c>
      <c r="Z25" s="48">
        <v>1536</v>
      </c>
      <c r="AA25" s="48">
        <v>11694</v>
      </c>
      <c r="AB25" s="49">
        <v>10474</v>
      </c>
      <c r="AC25" s="48">
        <v>1384</v>
      </c>
      <c r="AD25" s="48">
        <v>11858</v>
      </c>
      <c r="AE25" s="49">
        <v>11623</v>
      </c>
      <c r="AF25" s="48">
        <v>1229</v>
      </c>
      <c r="AG25" s="48">
        <v>12852</v>
      </c>
      <c r="AH25" s="49">
        <v>13625</v>
      </c>
      <c r="AI25" s="48">
        <v>878</v>
      </c>
      <c r="AJ25" s="48">
        <v>14503</v>
      </c>
      <c r="AK25" s="49">
        <v>16259</v>
      </c>
      <c r="AL25" s="48">
        <v>771</v>
      </c>
      <c r="AM25" s="48">
        <v>17030</v>
      </c>
      <c r="AN25" s="49">
        <v>14211</v>
      </c>
      <c r="AO25" s="48">
        <v>666</v>
      </c>
      <c r="AP25" s="48">
        <v>14877</v>
      </c>
      <c r="AQ25" s="49">
        <v>11888</v>
      </c>
      <c r="AR25" s="48">
        <v>464</v>
      </c>
      <c r="AS25" s="48">
        <v>12352</v>
      </c>
      <c r="AT25" s="49">
        <v>10634</v>
      </c>
      <c r="AU25" s="48">
        <v>317</v>
      </c>
      <c r="AV25" s="48">
        <v>10951</v>
      </c>
      <c r="AW25" s="49">
        <v>12516</v>
      </c>
      <c r="AX25" s="48">
        <v>196</v>
      </c>
      <c r="AY25" s="48">
        <v>12712</v>
      </c>
      <c r="AZ25" s="49">
        <v>11168</v>
      </c>
      <c r="BA25" s="48">
        <v>111</v>
      </c>
      <c r="BB25" s="48">
        <v>11279</v>
      </c>
      <c r="BC25" s="49">
        <v>8953</v>
      </c>
      <c r="BD25" s="48">
        <v>72</v>
      </c>
      <c r="BE25" s="48">
        <v>9025</v>
      </c>
      <c r="BF25" s="49">
        <v>5883</v>
      </c>
      <c r="BG25" s="48">
        <v>31</v>
      </c>
      <c r="BH25" s="48">
        <v>5914</v>
      </c>
      <c r="BI25" s="49">
        <v>2776</v>
      </c>
      <c r="BJ25" s="48">
        <v>12</v>
      </c>
      <c r="BK25" s="48">
        <v>2788</v>
      </c>
      <c r="BL25" s="49">
        <v>758</v>
      </c>
      <c r="BM25" s="48">
        <v>7</v>
      </c>
      <c r="BN25" s="48">
        <v>765</v>
      </c>
      <c r="BO25" s="49">
        <v>109</v>
      </c>
      <c r="BP25" s="48">
        <v>0</v>
      </c>
      <c r="BQ25" s="50">
        <v>109</v>
      </c>
      <c r="BT25" s="66"/>
    </row>
    <row r="26" spans="1:72" x14ac:dyDescent="0.15">
      <c r="A26" s="53"/>
      <c r="B26" s="21" t="s">
        <v>29</v>
      </c>
      <c r="C26" s="67">
        <v>141062</v>
      </c>
      <c r="D26" s="37">
        <v>97492</v>
      </c>
      <c r="E26" s="38">
        <v>3030</v>
      </c>
      <c r="F26" s="39">
        <v>100522</v>
      </c>
      <c r="G26" s="52">
        <v>3081</v>
      </c>
      <c r="H26" s="52">
        <v>110</v>
      </c>
      <c r="I26" s="39">
        <v>3191</v>
      </c>
      <c r="J26" s="52">
        <v>3679</v>
      </c>
      <c r="K26" s="52">
        <v>109</v>
      </c>
      <c r="L26" s="39">
        <v>3788</v>
      </c>
      <c r="M26" s="52">
        <v>3931</v>
      </c>
      <c r="N26" s="52">
        <v>97</v>
      </c>
      <c r="O26" s="39">
        <v>4028</v>
      </c>
      <c r="P26" s="52">
        <v>4227</v>
      </c>
      <c r="Q26" s="52">
        <v>60</v>
      </c>
      <c r="R26" s="39">
        <v>4287</v>
      </c>
      <c r="S26" s="52">
        <v>5734</v>
      </c>
      <c r="T26" s="52">
        <v>376</v>
      </c>
      <c r="U26" s="39">
        <v>6110</v>
      </c>
      <c r="V26" s="52">
        <v>5825</v>
      </c>
      <c r="W26" s="52">
        <v>509</v>
      </c>
      <c r="X26" s="39">
        <v>6334</v>
      </c>
      <c r="Y26" s="52">
        <v>5238</v>
      </c>
      <c r="Z26" s="52">
        <v>519</v>
      </c>
      <c r="AA26" s="39">
        <v>5757</v>
      </c>
      <c r="AB26" s="52">
        <v>5647</v>
      </c>
      <c r="AC26" s="52">
        <v>366</v>
      </c>
      <c r="AD26" s="39">
        <v>6013</v>
      </c>
      <c r="AE26" s="52">
        <v>6335</v>
      </c>
      <c r="AF26" s="52">
        <v>289</v>
      </c>
      <c r="AG26" s="39">
        <v>6624</v>
      </c>
      <c r="AH26" s="52">
        <v>7482</v>
      </c>
      <c r="AI26" s="52">
        <v>172</v>
      </c>
      <c r="AJ26" s="39">
        <v>7654</v>
      </c>
      <c r="AK26" s="52">
        <v>8462</v>
      </c>
      <c r="AL26" s="52">
        <v>132</v>
      </c>
      <c r="AM26" s="39">
        <v>8594</v>
      </c>
      <c r="AN26" s="52">
        <v>7821</v>
      </c>
      <c r="AO26" s="52">
        <v>91</v>
      </c>
      <c r="AP26" s="39">
        <v>7912</v>
      </c>
      <c r="AQ26" s="52">
        <v>6618</v>
      </c>
      <c r="AR26" s="52">
        <v>78</v>
      </c>
      <c r="AS26" s="39">
        <v>6696</v>
      </c>
      <c r="AT26" s="52">
        <v>5327</v>
      </c>
      <c r="AU26" s="52">
        <v>55</v>
      </c>
      <c r="AV26" s="39">
        <v>5382</v>
      </c>
      <c r="AW26" s="52">
        <v>5849</v>
      </c>
      <c r="AX26" s="52">
        <v>40</v>
      </c>
      <c r="AY26" s="39">
        <v>5889</v>
      </c>
      <c r="AZ26" s="52">
        <v>4952</v>
      </c>
      <c r="BA26" s="52">
        <v>15</v>
      </c>
      <c r="BB26" s="39">
        <v>4967</v>
      </c>
      <c r="BC26" s="52">
        <v>3811</v>
      </c>
      <c r="BD26" s="52">
        <v>7</v>
      </c>
      <c r="BE26" s="39">
        <v>3818</v>
      </c>
      <c r="BF26" s="52">
        <v>2329</v>
      </c>
      <c r="BG26" s="52">
        <v>2</v>
      </c>
      <c r="BH26" s="39">
        <v>2331</v>
      </c>
      <c r="BI26" s="52">
        <v>943</v>
      </c>
      <c r="BJ26" s="52">
        <v>0</v>
      </c>
      <c r="BK26" s="39">
        <v>943</v>
      </c>
      <c r="BL26" s="52">
        <v>183</v>
      </c>
      <c r="BM26" s="52">
        <v>1</v>
      </c>
      <c r="BN26" s="39">
        <v>184</v>
      </c>
      <c r="BO26" s="52">
        <v>18</v>
      </c>
      <c r="BP26" s="52">
        <v>1</v>
      </c>
      <c r="BQ26" s="41">
        <v>19</v>
      </c>
      <c r="BT26" s="66"/>
    </row>
    <row r="27" spans="1:72" x14ac:dyDescent="0.15">
      <c r="A27" s="53" t="s">
        <v>39</v>
      </c>
      <c r="B27" s="26" t="s">
        <v>31</v>
      </c>
      <c r="C27" s="68"/>
      <c r="D27" s="42">
        <v>99575</v>
      </c>
      <c r="E27" s="40">
        <v>3083</v>
      </c>
      <c r="F27" s="43">
        <v>102658</v>
      </c>
      <c r="G27" s="52">
        <v>2904</v>
      </c>
      <c r="H27" s="52">
        <v>116</v>
      </c>
      <c r="I27" s="43">
        <v>3020</v>
      </c>
      <c r="J27" s="52">
        <v>3445</v>
      </c>
      <c r="K27" s="52">
        <v>108</v>
      </c>
      <c r="L27" s="43">
        <v>3553</v>
      </c>
      <c r="M27" s="52">
        <v>3674</v>
      </c>
      <c r="N27" s="52">
        <v>68</v>
      </c>
      <c r="O27" s="43">
        <v>3742</v>
      </c>
      <c r="P27" s="52">
        <v>3993</v>
      </c>
      <c r="Q27" s="52">
        <v>81</v>
      </c>
      <c r="R27" s="43">
        <v>4074</v>
      </c>
      <c r="S27" s="52">
        <v>5140</v>
      </c>
      <c r="T27" s="52">
        <v>298</v>
      </c>
      <c r="U27" s="43">
        <v>5438</v>
      </c>
      <c r="V27" s="52">
        <v>5585</v>
      </c>
      <c r="W27" s="52">
        <v>434</v>
      </c>
      <c r="X27" s="43">
        <v>6019</v>
      </c>
      <c r="Y27" s="52">
        <v>4783</v>
      </c>
      <c r="Z27" s="52">
        <v>453</v>
      </c>
      <c r="AA27" s="43">
        <v>5236</v>
      </c>
      <c r="AB27" s="52">
        <v>5325</v>
      </c>
      <c r="AC27" s="52">
        <v>336</v>
      </c>
      <c r="AD27" s="43">
        <v>5661</v>
      </c>
      <c r="AE27" s="52">
        <v>5919</v>
      </c>
      <c r="AF27" s="52">
        <v>285</v>
      </c>
      <c r="AG27" s="43">
        <v>6204</v>
      </c>
      <c r="AH27" s="52">
        <v>6957</v>
      </c>
      <c r="AI27" s="52">
        <v>184</v>
      </c>
      <c r="AJ27" s="43">
        <v>7141</v>
      </c>
      <c r="AK27" s="52">
        <v>8074</v>
      </c>
      <c r="AL27" s="52">
        <v>207</v>
      </c>
      <c r="AM27" s="43">
        <v>8281</v>
      </c>
      <c r="AN27" s="52">
        <v>7261</v>
      </c>
      <c r="AO27" s="52">
        <v>166</v>
      </c>
      <c r="AP27" s="43">
        <v>7427</v>
      </c>
      <c r="AQ27" s="52">
        <v>6125</v>
      </c>
      <c r="AR27" s="52">
        <v>134</v>
      </c>
      <c r="AS27" s="43">
        <v>6259</v>
      </c>
      <c r="AT27" s="52">
        <v>5232</v>
      </c>
      <c r="AU27" s="52">
        <v>82</v>
      </c>
      <c r="AV27" s="43">
        <v>5314</v>
      </c>
      <c r="AW27" s="52">
        <v>6529</v>
      </c>
      <c r="AX27" s="52">
        <v>47</v>
      </c>
      <c r="AY27" s="43">
        <v>6576</v>
      </c>
      <c r="AZ27" s="52">
        <v>6104</v>
      </c>
      <c r="BA27" s="52">
        <v>37</v>
      </c>
      <c r="BB27" s="43">
        <v>6141</v>
      </c>
      <c r="BC27" s="52">
        <v>5707</v>
      </c>
      <c r="BD27" s="52">
        <v>24</v>
      </c>
      <c r="BE27" s="43">
        <v>5731</v>
      </c>
      <c r="BF27" s="52">
        <v>4007</v>
      </c>
      <c r="BG27" s="52">
        <v>18</v>
      </c>
      <c r="BH27" s="43">
        <v>4025</v>
      </c>
      <c r="BI27" s="52">
        <v>2077</v>
      </c>
      <c r="BJ27" s="52">
        <v>3</v>
      </c>
      <c r="BK27" s="43">
        <v>2080</v>
      </c>
      <c r="BL27" s="52">
        <v>644</v>
      </c>
      <c r="BM27" s="52">
        <v>1</v>
      </c>
      <c r="BN27" s="43">
        <v>645</v>
      </c>
      <c r="BO27" s="52">
        <v>90</v>
      </c>
      <c r="BP27" s="52">
        <v>1</v>
      </c>
      <c r="BQ27" s="44">
        <v>91</v>
      </c>
      <c r="BT27" s="66"/>
    </row>
    <row r="28" spans="1:72" ht="15" thickBot="1" x14ac:dyDescent="0.2">
      <c r="A28" s="54"/>
      <c r="B28" s="32" t="s">
        <v>32</v>
      </c>
      <c r="C28" s="69"/>
      <c r="D28" s="46">
        <v>197067</v>
      </c>
      <c r="E28" s="47">
        <v>6113</v>
      </c>
      <c r="F28" s="48">
        <v>203180</v>
      </c>
      <c r="G28" s="49">
        <v>5985</v>
      </c>
      <c r="H28" s="48">
        <v>226</v>
      </c>
      <c r="I28" s="48">
        <v>6211</v>
      </c>
      <c r="J28" s="49">
        <v>7124</v>
      </c>
      <c r="K28" s="48">
        <v>217</v>
      </c>
      <c r="L28" s="48">
        <v>7341</v>
      </c>
      <c r="M28" s="49">
        <v>7605</v>
      </c>
      <c r="N28" s="48">
        <v>165</v>
      </c>
      <c r="O28" s="48">
        <v>7770</v>
      </c>
      <c r="P28" s="49">
        <v>8220</v>
      </c>
      <c r="Q28" s="48">
        <v>141</v>
      </c>
      <c r="R28" s="48">
        <v>8361</v>
      </c>
      <c r="S28" s="49">
        <v>10874</v>
      </c>
      <c r="T28" s="48">
        <v>674</v>
      </c>
      <c r="U28" s="48">
        <v>11548</v>
      </c>
      <c r="V28" s="49">
        <v>11410</v>
      </c>
      <c r="W28" s="48">
        <v>943</v>
      </c>
      <c r="X28" s="48">
        <v>12353</v>
      </c>
      <c r="Y28" s="49">
        <v>10021</v>
      </c>
      <c r="Z28" s="48">
        <v>972</v>
      </c>
      <c r="AA28" s="48">
        <v>10993</v>
      </c>
      <c r="AB28" s="49">
        <v>10972</v>
      </c>
      <c r="AC28" s="48">
        <v>702</v>
      </c>
      <c r="AD28" s="48">
        <v>11674</v>
      </c>
      <c r="AE28" s="49">
        <v>12254</v>
      </c>
      <c r="AF28" s="48">
        <v>574</v>
      </c>
      <c r="AG28" s="48">
        <v>12828</v>
      </c>
      <c r="AH28" s="49">
        <v>14439</v>
      </c>
      <c r="AI28" s="48">
        <v>356</v>
      </c>
      <c r="AJ28" s="48">
        <v>14795</v>
      </c>
      <c r="AK28" s="49">
        <v>16536</v>
      </c>
      <c r="AL28" s="48">
        <v>339</v>
      </c>
      <c r="AM28" s="48">
        <v>16875</v>
      </c>
      <c r="AN28" s="49">
        <v>15082</v>
      </c>
      <c r="AO28" s="48">
        <v>257</v>
      </c>
      <c r="AP28" s="48">
        <v>15339</v>
      </c>
      <c r="AQ28" s="49">
        <v>12743</v>
      </c>
      <c r="AR28" s="48">
        <v>212</v>
      </c>
      <c r="AS28" s="48">
        <v>12955</v>
      </c>
      <c r="AT28" s="49">
        <v>10559</v>
      </c>
      <c r="AU28" s="48">
        <v>137</v>
      </c>
      <c r="AV28" s="48">
        <v>10696</v>
      </c>
      <c r="AW28" s="49">
        <v>12378</v>
      </c>
      <c r="AX28" s="48">
        <v>87</v>
      </c>
      <c r="AY28" s="48">
        <v>12465</v>
      </c>
      <c r="AZ28" s="49">
        <v>11056</v>
      </c>
      <c r="BA28" s="48">
        <v>52</v>
      </c>
      <c r="BB28" s="48">
        <v>11108</v>
      </c>
      <c r="BC28" s="49">
        <v>9518</v>
      </c>
      <c r="BD28" s="48">
        <v>31</v>
      </c>
      <c r="BE28" s="48">
        <v>9549</v>
      </c>
      <c r="BF28" s="49">
        <v>6336</v>
      </c>
      <c r="BG28" s="48">
        <v>20</v>
      </c>
      <c r="BH28" s="48">
        <v>6356</v>
      </c>
      <c r="BI28" s="49">
        <v>3020</v>
      </c>
      <c r="BJ28" s="48">
        <v>3</v>
      </c>
      <c r="BK28" s="48">
        <v>3023</v>
      </c>
      <c r="BL28" s="49">
        <v>827</v>
      </c>
      <c r="BM28" s="48">
        <v>2</v>
      </c>
      <c r="BN28" s="48">
        <v>829</v>
      </c>
      <c r="BO28" s="49">
        <v>108</v>
      </c>
      <c r="BP28" s="48">
        <v>2</v>
      </c>
      <c r="BQ28" s="50">
        <v>110</v>
      </c>
      <c r="BT28" s="66"/>
    </row>
    <row r="29" spans="1:72" x14ac:dyDescent="0.15">
      <c r="A29" s="53"/>
      <c r="B29" s="21" t="s">
        <v>29</v>
      </c>
      <c r="C29" s="67">
        <v>141071</v>
      </c>
      <c r="D29" s="37">
        <v>78943</v>
      </c>
      <c r="E29" s="38">
        <v>2836</v>
      </c>
      <c r="F29" s="39">
        <v>81779</v>
      </c>
      <c r="G29" s="52">
        <v>2463</v>
      </c>
      <c r="H29" s="52">
        <v>148</v>
      </c>
      <c r="I29" s="39">
        <v>2611</v>
      </c>
      <c r="J29" s="52">
        <v>3183</v>
      </c>
      <c r="K29" s="52">
        <v>160</v>
      </c>
      <c r="L29" s="39">
        <v>3343</v>
      </c>
      <c r="M29" s="52">
        <v>3427</v>
      </c>
      <c r="N29" s="52">
        <v>139</v>
      </c>
      <c r="O29" s="39">
        <v>3566</v>
      </c>
      <c r="P29" s="52">
        <v>3411</v>
      </c>
      <c r="Q29" s="52">
        <v>94</v>
      </c>
      <c r="R29" s="39">
        <v>3505</v>
      </c>
      <c r="S29" s="52">
        <v>3813</v>
      </c>
      <c r="T29" s="52">
        <v>266</v>
      </c>
      <c r="U29" s="39">
        <v>4079</v>
      </c>
      <c r="V29" s="52">
        <v>4160</v>
      </c>
      <c r="W29" s="52">
        <v>347</v>
      </c>
      <c r="X29" s="39">
        <v>4507</v>
      </c>
      <c r="Y29" s="52">
        <v>3893</v>
      </c>
      <c r="Z29" s="52">
        <v>367</v>
      </c>
      <c r="AA29" s="39">
        <v>4260</v>
      </c>
      <c r="AB29" s="52">
        <v>4644</v>
      </c>
      <c r="AC29" s="52">
        <v>349</v>
      </c>
      <c r="AD29" s="39">
        <v>4993</v>
      </c>
      <c r="AE29" s="52">
        <v>5371</v>
      </c>
      <c r="AF29" s="52">
        <v>269</v>
      </c>
      <c r="AG29" s="39">
        <v>5640</v>
      </c>
      <c r="AH29" s="52">
        <v>6236</v>
      </c>
      <c r="AI29" s="52">
        <v>192</v>
      </c>
      <c r="AJ29" s="39">
        <v>6428</v>
      </c>
      <c r="AK29" s="52">
        <v>7087</v>
      </c>
      <c r="AL29" s="52">
        <v>136</v>
      </c>
      <c r="AM29" s="39">
        <v>7223</v>
      </c>
      <c r="AN29" s="52">
        <v>6023</v>
      </c>
      <c r="AO29" s="52">
        <v>136</v>
      </c>
      <c r="AP29" s="39">
        <v>6159</v>
      </c>
      <c r="AQ29" s="52">
        <v>5149</v>
      </c>
      <c r="AR29" s="52">
        <v>78</v>
      </c>
      <c r="AS29" s="39">
        <v>5227</v>
      </c>
      <c r="AT29" s="52">
        <v>4459</v>
      </c>
      <c r="AU29" s="52">
        <v>57</v>
      </c>
      <c r="AV29" s="39">
        <v>4516</v>
      </c>
      <c r="AW29" s="52">
        <v>5024</v>
      </c>
      <c r="AX29" s="52">
        <v>42</v>
      </c>
      <c r="AY29" s="39">
        <v>5066</v>
      </c>
      <c r="AZ29" s="52">
        <v>4496</v>
      </c>
      <c r="BA29" s="52">
        <v>35</v>
      </c>
      <c r="BB29" s="39">
        <v>4531</v>
      </c>
      <c r="BC29" s="52">
        <v>3319</v>
      </c>
      <c r="BD29" s="52">
        <v>12</v>
      </c>
      <c r="BE29" s="39">
        <v>3331</v>
      </c>
      <c r="BF29" s="52">
        <v>1865</v>
      </c>
      <c r="BG29" s="52">
        <v>6</v>
      </c>
      <c r="BH29" s="39">
        <v>1871</v>
      </c>
      <c r="BI29" s="52">
        <v>755</v>
      </c>
      <c r="BJ29" s="52">
        <v>1</v>
      </c>
      <c r="BK29" s="39">
        <v>756</v>
      </c>
      <c r="BL29" s="52">
        <v>149</v>
      </c>
      <c r="BM29" s="52">
        <v>1</v>
      </c>
      <c r="BN29" s="39">
        <v>150</v>
      </c>
      <c r="BO29" s="52">
        <v>16</v>
      </c>
      <c r="BP29" s="52">
        <v>1</v>
      </c>
      <c r="BQ29" s="41">
        <v>17</v>
      </c>
      <c r="BT29" s="66"/>
    </row>
    <row r="30" spans="1:72" x14ac:dyDescent="0.15">
      <c r="A30" s="53" t="s">
        <v>40</v>
      </c>
      <c r="B30" s="26" t="s">
        <v>31</v>
      </c>
      <c r="C30" s="68"/>
      <c r="D30" s="42">
        <v>81285</v>
      </c>
      <c r="E30" s="40">
        <v>3079</v>
      </c>
      <c r="F30" s="43">
        <v>84364</v>
      </c>
      <c r="G30" s="52">
        <v>2481</v>
      </c>
      <c r="H30" s="52">
        <v>105</v>
      </c>
      <c r="I30" s="43">
        <v>2586</v>
      </c>
      <c r="J30" s="52">
        <v>2991</v>
      </c>
      <c r="K30" s="52">
        <v>132</v>
      </c>
      <c r="L30" s="43">
        <v>3123</v>
      </c>
      <c r="M30" s="52">
        <v>3208</v>
      </c>
      <c r="N30" s="52">
        <v>120</v>
      </c>
      <c r="O30" s="43">
        <v>3328</v>
      </c>
      <c r="P30" s="52">
        <v>3232</v>
      </c>
      <c r="Q30" s="52">
        <v>88</v>
      </c>
      <c r="R30" s="43">
        <v>3320</v>
      </c>
      <c r="S30" s="52">
        <v>3668</v>
      </c>
      <c r="T30" s="52">
        <v>180</v>
      </c>
      <c r="U30" s="43">
        <v>3848</v>
      </c>
      <c r="V30" s="52">
        <v>3747</v>
      </c>
      <c r="W30" s="52">
        <v>300</v>
      </c>
      <c r="X30" s="43">
        <v>4047</v>
      </c>
      <c r="Y30" s="52">
        <v>3553</v>
      </c>
      <c r="Z30" s="52">
        <v>367</v>
      </c>
      <c r="AA30" s="43">
        <v>3920</v>
      </c>
      <c r="AB30" s="52">
        <v>4322</v>
      </c>
      <c r="AC30" s="52">
        <v>373</v>
      </c>
      <c r="AD30" s="43">
        <v>4695</v>
      </c>
      <c r="AE30" s="52">
        <v>4916</v>
      </c>
      <c r="AF30" s="52">
        <v>322</v>
      </c>
      <c r="AG30" s="43">
        <v>5238</v>
      </c>
      <c r="AH30" s="52">
        <v>5888</v>
      </c>
      <c r="AI30" s="52">
        <v>245</v>
      </c>
      <c r="AJ30" s="43">
        <v>6133</v>
      </c>
      <c r="AK30" s="52">
        <v>6596</v>
      </c>
      <c r="AL30" s="52">
        <v>239</v>
      </c>
      <c r="AM30" s="43">
        <v>6835</v>
      </c>
      <c r="AN30" s="52">
        <v>5748</v>
      </c>
      <c r="AO30" s="52">
        <v>201</v>
      </c>
      <c r="AP30" s="43">
        <v>5949</v>
      </c>
      <c r="AQ30" s="52">
        <v>4995</v>
      </c>
      <c r="AR30" s="52">
        <v>144</v>
      </c>
      <c r="AS30" s="43">
        <v>5139</v>
      </c>
      <c r="AT30" s="52">
        <v>4463</v>
      </c>
      <c r="AU30" s="52">
        <v>102</v>
      </c>
      <c r="AV30" s="43">
        <v>4565</v>
      </c>
      <c r="AW30" s="52">
        <v>5666</v>
      </c>
      <c r="AX30" s="52">
        <v>64</v>
      </c>
      <c r="AY30" s="43">
        <v>5730</v>
      </c>
      <c r="AZ30" s="52">
        <v>5443</v>
      </c>
      <c r="BA30" s="52">
        <v>48</v>
      </c>
      <c r="BB30" s="43">
        <v>5491</v>
      </c>
      <c r="BC30" s="52">
        <v>4814</v>
      </c>
      <c r="BD30" s="52">
        <v>27</v>
      </c>
      <c r="BE30" s="43">
        <v>4841</v>
      </c>
      <c r="BF30" s="52">
        <v>3238</v>
      </c>
      <c r="BG30" s="52">
        <v>14</v>
      </c>
      <c r="BH30" s="43">
        <v>3252</v>
      </c>
      <c r="BI30" s="52">
        <v>1741</v>
      </c>
      <c r="BJ30" s="52">
        <v>6</v>
      </c>
      <c r="BK30" s="43">
        <v>1747</v>
      </c>
      <c r="BL30" s="52">
        <v>506</v>
      </c>
      <c r="BM30" s="52">
        <v>1</v>
      </c>
      <c r="BN30" s="43">
        <v>507</v>
      </c>
      <c r="BO30" s="52">
        <v>69</v>
      </c>
      <c r="BP30" s="52">
        <v>0</v>
      </c>
      <c r="BQ30" s="44">
        <v>69</v>
      </c>
      <c r="BT30" s="66"/>
    </row>
    <row r="31" spans="1:72" ht="15" thickBot="1" x14ac:dyDescent="0.2">
      <c r="A31" s="54"/>
      <c r="B31" s="32" t="s">
        <v>32</v>
      </c>
      <c r="C31" s="69"/>
      <c r="D31" s="46">
        <v>160228</v>
      </c>
      <c r="E31" s="47">
        <v>5915</v>
      </c>
      <c r="F31" s="48">
        <v>166143</v>
      </c>
      <c r="G31" s="49">
        <v>4944</v>
      </c>
      <c r="H31" s="48">
        <v>253</v>
      </c>
      <c r="I31" s="48">
        <v>5197</v>
      </c>
      <c r="J31" s="49">
        <v>6174</v>
      </c>
      <c r="K31" s="48">
        <v>292</v>
      </c>
      <c r="L31" s="48">
        <v>6466</v>
      </c>
      <c r="M31" s="49">
        <v>6635</v>
      </c>
      <c r="N31" s="48">
        <v>259</v>
      </c>
      <c r="O31" s="48">
        <v>6894</v>
      </c>
      <c r="P31" s="49">
        <v>6643</v>
      </c>
      <c r="Q31" s="48">
        <v>182</v>
      </c>
      <c r="R31" s="48">
        <v>6825</v>
      </c>
      <c r="S31" s="49">
        <v>7481</v>
      </c>
      <c r="T31" s="48">
        <v>446</v>
      </c>
      <c r="U31" s="48">
        <v>7927</v>
      </c>
      <c r="V31" s="49">
        <v>7907</v>
      </c>
      <c r="W31" s="48">
        <v>647</v>
      </c>
      <c r="X31" s="48">
        <v>8554</v>
      </c>
      <c r="Y31" s="49">
        <v>7446</v>
      </c>
      <c r="Z31" s="48">
        <v>734</v>
      </c>
      <c r="AA31" s="48">
        <v>8180</v>
      </c>
      <c r="AB31" s="49">
        <v>8966</v>
      </c>
      <c r="AC31" s="48">
        <v>722</v>
      </c>
      <c r="AD31" s="48">
        <v>9688</v>
      </c>
      <c r="AE31" s="49">
        <v>10287</v>
      </c>
      <c r="AF31" s="48">
        <v>591</v>
      </c>
      <c r="AG31" s="48">
        <v>10878</v>
      </c>
      <c r="AH31" s="49">
        <v>12124</v>
      </c>
      <c r="AI31" s="48">
        <v>437</v>
      </c>
      <c r="AJ31" s="48">
        <v>12561</v>
      </c>
      <c r="AK31" s="49">
        <v>13683</v>
      </c>
      <c r="AL31" s="48">
        <v>375</v>
      </c>
      <c r="AM31" s="48">
        <v>14058</v>
      </c>
      <c r="AN31" s="49">
        <v>11771</v>
      </c>
      <c r="AO31" s="48">
        <v>337</v>
      </c>
      <c r="AP31" s="48">
        <v>12108</v>
      </c>
      <c r="AQ31" s="49">
        <v>10144</v>
      </c>
      <c r="AR31" s="48">
        <v>222</v>
      </c>
      <c r="AS31" s="48">
        <v>10366</v>
      </c>
      <c r="AT31" s="49">
        <v>8922</v>
      </c>
      <c r="AU31" s="48">
        <v>159</v>
      </c>
      <c r="AV31" s="48">
        <v>9081</v>
      </c>
      <c r="AW31" s="49">
        <v>10690</v>
      </c>
      <c r="AX31" s="48">
        <v>106</v>
      </c>
      <c r="AY31" s="48">
        <v>10796</v>
      </c>
      <c r="AZ31" s="49">
        <v>9939</v>
      </c>
      <c r="BA31" s="48">
        <v>83</v>
      </c>
      <c r="BB31" s="48">
        <v>10022</v>
      </c>
      <c r="BC31" s="49">
        <v>8133</v>
      </c>
      <c r="BD31" s="48">
        <v>39</v>
      </c>
      <c r="BE31" s="48">
        <v>8172</v>
      </c>
      <c r="BF31" s="49">
        <v>5103</v>
      </c>
      <c r="BG31" s="48">
        <v>20</v>
      </c>
      <c r="BH31" s="48">
        <v>5123</v>
      </c>
      <c r="BI31" s="49">
        <v>2496</v>
      </c>
      <c r="BJ31" s="48">
        <v>7</v>
      </c>
      <c r="BK31" s="48">
        <v>2503</v>
      </c>
      <c r="BL31" s="49">
        <v>655</v>
      </c>
      <c r="BM31" s="48">
        <v>2</v>
      </c>
      <c r="BN31" s="48">
        <v>657</v>
      </c>
      <c r="BO31" s="49">
        <v>85</v>
      </c>
      <c r="BP31" s="48">
        <v>1</v>
      </c>
      <c r="BQ31" s="50">
        <v>86</v>
      </c>
      <c r="BT31" s="66"/>
    </row>
    <row r="32" spans="1:72" x14ac:dyDescent="0.15">
      <c r="A32" s="53"/>
      <c r="B32" s="21" t="s">
        <v>29</v>
      </c>
      <c r="C32" s="67">
        <v>141089</v>
      </c>
      <c r="D32" s="37">
        <v>92686</v>
      </c>
      <c r="E32" s="38">
        <v>1706</v>
      </c>
      <c r="F32" s="39">
        <v>94392</v>
      </c>
      <c r="G32" s="52">
        <v>2672</v>
      </c>
      <c r="H32" s="52">
        <v>63</v>
      </c>
      <c r="I32" s="39">
        <v>2735</v>
      </c>
      <c r="J32" s="52">
        <v>3411</v>
      </c>
      <c r="K32" s="52">
        <v>72</v>
      </c>
      <c r="L32" s="39">
        <v>3483</v>
      </c>
      <c r="M32" s="52">
        <v>3852</v>
      </c>
      <c r="N32" s="52">
        <v>56</v>
      </c>
      <c r="O32" s="39">
        <v>3908</v>
      </c>
      <c r="P32" s="52">
        <v>4521</v>
      </c>
      <c r="Q32" s="52">
        <v>45</v>
      </c>
      <c r="R32" s="39">
        <v>4566</v>
      </c>
      <c r="S32" s="52">
        <v>5037</v>
      </c>
      <c r="T32" s="52">
        <v>178</v>
      </c>
      <c r="U32" s="39">
        <v>5215</v>
      </c>
      <c r="V32" s="52">
        <v>4334</v>
      </c>
      <c r="W32" s="52">
        <v>267</v>
      </c>
      <c r="X32" s="39">
        <v>4601</v>
      </c>
      <c r="Y32" s="52">
        <v>4029</v>
      </c>
      <c r="Z32" s="52">
        <v>248</v>
      </c>
      <c r="AA32" s="39">
        <v>4277</v>
      </c>
      <c r="AB32" s="52">
        <v>4836</v>
      </c>
      <c r="AC32" s="52">
        <v>168</v>
      </c>
      <c r="AD32" s="39">
        <v>5004</v>
      </c>
      <c r="AE32" s="52">
        <v>5578</v>
      </c>
      <c r="AF32" s="52">
        <v>145</v>
      </c>
      <c r="AG32" s="39">
        <v>5723</v>
      </c>
      <c r="AH32" s="52">
        <v>6822</v>
      </c>
      <c r="AI32" s="52">
        <v>100</v>
      </c>
      <c r="AJ32" s="39">
        <v>6922</v>
      </c>
      <c r="AK32" s="52">
        <v>7950</v>
      </c>
      <c r="AL32" s="52">
        <v>113</v>
      </c>
      <c r="AM32" s="39">
        <v>8063</v>
      </c>
      <c r="AN32" s="52">
        <v>6984</v>
      </c>
      <c r="AO32" s="52">
        <v>89</v>
      </c>
      <c r="AP32" s="39">
        <v>7073</v>
      </c>
      <c r="AQ32" s="52">
        <v>6085</v>
      </c>
      <c r="AR32" s="52">
        <v>50</v>
      </c>
      <c r="AS32" s="39">
        <v>6135</v>
      </c>
      <c r="AT32" s="52">
        <v>5507</v>
      </c>
      <c r="AU32" s="52">
        <v>38</v>
      </c>
      <c r="AV32" s="39">
        <v>5545</v>
      </c>
      <c r="AW32" s="52">
        <v>6882</v>
      </c>
      <c r="AX32" s="52">
        <v>35</v>
      </c>
      <c r="AY32" s="39">
        <v>6917</v>
      </c>
      <c r="AZ32" s="52">
        <v>5942</v>
      </c>
      <c r="BA32" s="52">
        <v>16</v>
      </c>
      <c r="BB32" s="39">
        <v>5958</v>
      </c>
      <c r="BC32" s="52">
        <v>4477</v>
      </c>
      <c r="BD32" s="52">
        <v>15</v>
      </c>
      <c r="BE32" s="39">
        <v>4492</v>
      </c>
      <c r="BF32" s="52">
        <v>2592</v>
      </c>
      <c r="BG32" s="52">
        <v>7</v>
      </c>
      <c r="BH32" s="39">
        <v>2599</v>
      </c>
      <c r="BI32" s="52">
        <v>948</v>
      </c>
      <c r="BJ32" s="52">
        <v>1</v>
      </c>
      <c r="BK32" s="39">
        <v>949</v>
      </c>
      <c r="BL32" s="52">
        <v>208</v>
      </c>
      <c r="BM32" s="52">
        <v>0</v>
      </c>
      <c r="BN32" s="39">
        <v>208</v>
      </c>
      <c r="BO32" s="52">
        <v>18</v>
      </c>
      <c r="BP32" s="52">
        <v>0</v>
      </c>
      <c r="BQ32" s="41">
        <v>18</v>
      </c>
      <c r="BT32" s="66"/>
    </row>
    <row r="33" spans="1:72" x14ac:dyDescent="0.15">
      <c r="A33" s="53" t="s">
        <v>41</v>
      </c>
      <c r="B33" s="26" t="s">
        <v>31</v>
      </c>
      <c r="C33" s="68"/>
      <c r="D33" s="42">
        <v>97020</v>
      </c>
      <c r="E33" s="40">
        <v>1867</v>
      </c>
      <c r="F33" s="43">
        <v>98887</v>
      </c>
      <c r="G33" s="52">
        <v>2458</v>
      </c>
      <c r="H33" s="52">
        <v>55</v>
      </c>
      <c r="I33" s="43">
        <v>2513</v>
      </c>
      <c r="J33" s="52">
        <v>3302</v>
      </c>
      <c r="K33" s="52">
        <v>65</v>
      </c>
      <c r="L33" s="43">
        <v>3367</v>
      </c>
      <c r="M33" s="52">
        <v>3786</v>
      </c>
      <c r="N33" s="52">
        <v>39</v>
      </c>
      <c r="O33" s="43">
        <v>3825</v>
      </c>
      <c r="P33" s="52">
        <v>4228</v>
      </c>
      <c r="Q33" s="52">
        <v>53</v>
      </c>
      <c r="R33" s="43">
        <v>4281</v>
      </c>
      <c r="S33" s="52">
        <v>4799</v>
      </c>
      <c r="T33" s="52">
        <v>237</v>
      </c>
      <c r="U33" s="43">
        <v>5036</v>
      </c>
      <c r="V33" s="52">
        <v>4076</v>
      </c>
      <c r="W33" s="52">
        <v>241</v>
      </c>
      <c r="X33" s="43">
        <v>4317</v>
      </c>
      <c r="Y33" s="52">
        <v>3736</v>
      </c>
      <c r="Z33" s="52">
        <v>180</v>
      </c>
      <c r="AA33" s="43">
        <v>3916</v>
      </c>
      <c r="AB33" s="52">
        <v>4467</v>
      </c>
      <c r="AC33" s="52">
        <v>178</v>
      </c>
      <c r="AD33" s="43">
        <v>4645</v>
      </c>
      <c r="AE33" s="52">
        <v>5482</v>
      </c>
      <c r="AF33" s="52">
        <v>162</v>
      </c>
      <c r="AG33" s="43">
        <v>5644</v>
      </c>
      <c r="AH33" s="52">
        <v>6676</v>
      </c>
      <c r="AI33" s="52">
        <v>146</v>
      </c>
      <c r="AJ33" s="43">
        <v>6822</v>
      </c>
      <c r="AK33" s="52">
        <v>7815</v>
      </c>
      <c r="AL33" s="52">
        <v>178</v>
      </c>
      <c r="AM33" s="43">
        <v>7993</v>
      </c>
      <c r="AN33" s="52">
        <v>7011</v>
      </c>
      <c r="AO33" s="52">
        <v>113</v>
      </c>
      <c r="AP33" s="43">
        <v>7124</v>
      </c>
      <c r="AQ33" s="52">
        <v>6102</v>
      </c>
      <c r="AR33" s="52">
        <v>86</v>
      </c>
      <c r="AS33" s="43">
        <v>6188</v>
      </c>
      <c r="AT33" s="52">
        <v>5918</v>
      </c>
      <c r="AU33" s="52">
        <v>52</v>
      </c>
      <c r="AV33" s="43">
        <v>5970</v>
      </c>
      <c r="AW33" s="52">
        <v>7550</v>
      </c>
      <c r="AX33" s="52">
        <v>35</v>
      </c>
      <c r="AY33" s="43">
        <v>7585</v>
      </c>
      <c r="AZ33" s="52">
        <v>7094</v>
      </c>
      <c r="BA33" s="52">
        <v>28</v>
      </c>
      <c r="BB33" s="43">
        <v>7122</v>
      </c>
      <c r="BC33" s="52">
        <v>5857</v>
      </c>
      <c r="BD33" s="52">
        <v>11</v>
      </c>
      <c r="BE33" s="43">
        <v>5868</v>
      </c>
      <c r="BF33" s="52">
        <v>3844</v>
      </c>
      <c r="BG33" s="52">
        <v>6</v>
      </c>
      <c r="BH33" s="43">
        <v>3850</v>
      </c>
      <c r="BI33" s="52">
        <v>2026</v>
      </c>
      <c r="BJ33" s="52">
        <v>1</v>
      </c>
      <c r="BK33" s="43">
        <v>2027</v>
      </c>
      <c r="BL33" s="52">
        <v>665</v>
      </c>
      <c r="BM33" s="52">
        <v>0</v>
      </c>
      <c r="BN33" s="43">
        <v>665</v>
      </c>
      <c r="BO33" s="52">
        <v>128</v>
      </c>
      <c r="BP33" s="52">
        <v>0</v>
      </c>
      <c r="BQ33" s="44">
        <v>128</v>
      </c>
      <c r="BT33" s="66"/>
    </row>
    <row r="34" spans="1:72" ht="15" thickBot="1" x14ac:dyDescent="0.2">
      <c r="A34" s="54"/>
      <c r="B34" s="32" t="s">
        <v>32</v>
      </c>
      <c r="C34" s="69"/>
      <c r="D34" s="46">
        <v>189706</v>
      </c>
      <c r="E34" s="47">
        <v>3573</v>
      </c>
      <c r="F34" s="48">
        <v>193279</v>
      </c>
      <c r="G34" s="49">
        <v>5130</v>
      </c>
      <c r="H34" s="48">
        <v>118</v>
      </c>
      <c r="I34" s="48">
        <v>5248</v>
      </c>
      <c r="J34" s="49">
        <v>6713</v>
      </c>
      <c r="K34" s="48">
        <v>137</v>
      </c>
      <c r="L34" s="48">
        <v>6850</v>
      </c>
      <c r="M34" s="49">
        <v>7638</v>
      </c>
      <c r="N34" s="48">
        <v>95</v>
      </c>
      <c r="O34" s="48">
        <v>7733</v>
      </c>
      <c r="P34" s="49">
        <v>8749</v>
      </c>
      <c r="Q34" s="48">
        <v>98</v>
      </c>
      <c r="R34" s="48">
        <v>8847</v>
      </c>
      <c r="S34" s="49">
        <v>9836</v>
      </c>
      <c r="T34" s="48">
        <v>415</v>
      </c>
      <c r="U34" s="48">
        <v>10251</v>
      </c>
      <c r="V34" s="49">
        <v>8410</v>
      </c>
      <c r="W34" s="48">
        <v>508</v>
      </c>
      <c r="X34" s="48">
        <v>8918</v>
      </c>
      <c r="Y34" s="49">
        <v>7765</v>
      </c>
      <c r="Z34" s="48">
        <v>428</v>
      </c>
      <c r="AA34" s="48">
        <v>8193</v>
      </c>
      <c r="AB34" s="49">
        <v>9303</v>
      </c>
      <c r="AC34" s="48">
        <v>346</v>
      </c>
      <c r="AD34" s="48">
        <v>9649</v>
      </c>
      <c r="AE34" s="49">
        <v>11060</v>
      </c>
      <c r="AF34" s="48">
        <v>307</v>
      </c>
      <c r="AG34" s="48">
        <v>11367</v>
      </c>
      <c r="AH34" s="49">
        <v>13498</v>
      </c>
      <c r="AI34" s="48">
        <v>246</v>
      </c>
      <c r="AJ34" s="48">
        <v>13744</v>
      </c>
      <c r="AK34" s="49">
        <v>15765</v>
      </c>
      <c r="AL34" s="48">
        <v>291</v>
      </c>
      <c r="AM34" s="48">
        <v>16056</v>
      </c>
      <c r="AN34" s="49">
        <v>13995</v>
      </c>
      <c r="AO34" s="48">
        <v>202</v>
      </c>
      <c r="AP34" s="48">
        <v>14197</v>
      </c>
      <c r="AQ34" s="49">
        <v>12187</v>
      </c>
      <c r="AR34" s="48">
        <v>136</v>
      </c>
      <c r="AS34" s="48">
        <v>12323</v>
      </c>
      <c r="AT34" s="49">
        <v>11425</v>
      </c>
      <c r="AU34" s="48">
        <v>90</v>
      </c>
      <c r="AV34" s="48">
        <v>11515</v>
      </c>
      <c r="AW34" s="49">
        <v>14432</v>
      </c>
      <c r="AX34" s="48">
        <v>70</v>
      </c>
      <c r="AY34" s="48">
        <v>14502</v>
      </c>
      <c r="AZ34" s="49">
        <v>13036</v>
      </c>
      <c r="BA34" s="48">
        <v>44</v>
      </c>
      <c r="BB34" s="48">
        <v>13080</v>
      </c>
      <c r="BC34" s="49">
        <v>10334</v>
      </c>
      <c r="BD34" s="48">
        <v>26</v>
      </c>
      <c r="BE34" s="48">
        <v>10360</v>
      </c>
      <c r="BF34" s="49">
        <v>6436</v>
      </c>
      <c r="BG34" s="48">
        <v>13</v>
      </c>
      <c r="BH34" s="48">
        <v>6449</v>
      </c>
      <c r="BI34" s="49">
        <v>2974</v>
      </c>
      <c r="BJ34" s="48">
        <v>2</v>
      </c>
      <c r="BK34" s="48">
        <v>2976</v>
      </c>
      <c r="BL34" s="49">
        <v>873</v>
      </c>
      <c r="BM34" s="48">
        <v>0</v>
      </c>
      <c r="BN34" s="48">
        <v>873</v>
      </c>
      <c r="BO34" s="49">
        <v>146</v>
      </c>
      <c r="BP34" s="48">
        <v>0</v>
      </c>
      <c r="BQ34" s="50">
        <v>146</v>
      </c>
      <c r="BT34" s="66"/>
    </row>
    <row r="35" spans="1:72" x14ac:dyDescent="0.15">
      <c r="A35" s="53"/>
      <c r="B35" s="21" t="s">
        <v>29</v>
      </c>
      <c r="C35" s="67">
        <v>141097</v>
      </c>
      <c r="D35" s="37">
        <v>172590</v>
      </c>
      <c r="E35" s="38">
        <v>4034</v>
      </c>
      <c r="F35" s="39">
        <v>176624</v>
      </c>
      <c r="G35" s="52">
        <v>7014</v>
      </c>
      <c r="H35" s="52">
        <v>129</v>
      </c>
      <c r="I35" s="39">
        <v>7143</v>
      </c>
      <c r="J35" s="52">
        <v>7716</v>
      </c>
      <c r="K35" s="52">
        <v>98</v>
      </c>
      <c r="L35" s="39">
        <v>7814</v>
      </c>
      <c r="M35" s="52">
        <v>7286</v>
      </c>
      <c r="N35" s="52">
        <v>80</v>
      </c>
      <c r="O35" s="39">
        <v>7366</v>
      </c>
      <c r="P35" s="52">
        <v>7115</v>
      </c>
      <c r="Q35" s="52">
        <v>103</v>
      </c>
      <c r="R35" s="39">
        <v>7218</v>
      </c>
      <c r="S35" s="52">
        <v>9554</v>
      </c>
      <c r="T35" s="52">
        <v>497</v>
      </c>
      <c r="U35" s="39">
        <v>10051</v>
      </c>
      <c r="V35" s="52">
        <v>12776</v>
      </c>
      <c r="W35" s="52">
        <v>744</v>
      </c>
      <c r="X35" s="39">
        <v>13520</v>
      </c>
      <c r="Y35" s="52">
        <v>12020</v>
      </c>
      <c r="Z35" s="52">
        <v>685</v>
      </c>
      <c r="AA35" s="39">
        <v>12705</v>
      </c>
      <c r="AB35" s="52">
        <v>12221</v>
      </c>
      <c r="AC35" s="52">
        <v>480</v>
      </c>
      <c r="AD35" s="39">
        <v>12701</v>
      </c>
      <c r="AE35" s="52">
        <v>12920</v>
      </c>
      <c r="AF35" s="52">
        <v>354</v>
      </c>
      <c r="AG35" s="39">
        <v>13274</v>
      </c>
      <c r="AH35" s="52">
        <v>14374</v>
      </c>
      <c r="AI35" s="52">
        <v>213</v>
      </c>
      <c r="AJ35" s="39">
        <v>14587</v>
      </c>
      <c r="AK35" s="52">
        <v>15108</v>
      </c>
      <c r="AL35" s="52">
        <v>200</v>
      </c>
      <c r="AM35" s="39">
        <v>15308</v>
      </c>
      <c r="AN35" s="52">
        <v>13411</v>
      </c>
      <c r="AO35" s="52">
        <v>174</v>
      </c>
      <c r="AP35" s="39">
        <v>13585</v>
      </c>
      <c r="AQ35" s="52">
        <v>9966</v>
      </c>
      <c r="AR35" s="52">
        <v>121</v>
      </c>
      <c r="AS35" s="39">
        <v>10087</v>
      </c>
      <c r="AT35" s="52">
        <v>7651</v>
      </c>
      <c r="AU35" s="52">
        <v>59</v>
      </c>
      <c r="AV35" s="39">
        <v>7710</v>
      </c>
      <c r="AW35" s="52">
        <v>7749</v>
      </c>
      <c r="AX35" s="52">
        <v>45</v>
      </c>
      <c r="AY35" s="39">
        <v>7794</v>
      </c>
      <c r="AZ35" s="52">
        <v>6664</v>
      </c>
      <c r="BA35" s="52">
        <v>20</v>
      </c>
      <c r="BB35" s="39">
        <v>6684</v>
      </c>
      <c r="BC35" s="52">
        <v>4850</v>
      </c>
      <c r="BD35" s="52">
        <v>14</v>
      </c>
      <c r="BE35" s="39">
        <v>4864</v>
      </c>
      <c r="BF35" s="52">
        <v>2763</v>
      </c>
      <c r="BG35" s="52">
        <v>12</v>
      </c>
      <c r="BH35" s="39">
        <v>2775</v>
      </c>
      <c r="BI35" s="52">
        <v>1161</v>
      </c>
      <c r="BJ35" s="52">
        <v>4</v>
      </c>
      <c r="BK35" s="39">
        <v>1165</v>
      </c>
      <c r="BL35" s="52">
        <v>253</v>
      </c>
      <c r="BM35" s="52">
        <v>1</v>
      </c>
      <c r="BN35" s="39">
        <v>254</v>
      </c>
      <c r="BO35" s="52">
        <v>18</v>
      </c>
      <c r="BP35" s="52">
        <v>0</v>
      </c>
      <c r="BQ35" s="41">
        <v>18</v>
      </c>
      <c r="BT35" s="66"/>
    </row>
    <row r="36" spans="1:72" x14ac:dyDescent="0.15">
      <c r="A36" s="53" t="s">
        <v>42</v>
      </c>
      <c r="B36" s="26" t="s">
        <v>31</v>
      </c>
      <c r="C36" s="68"/>
      <c r="D36" s="42">
        <v>174947</v>
      </c>
      <c r="E36" s="40">
        <v>3957</v>
      </c>
      <c r="F36" s="43">
        <v>178904</v>
      </c>
      <c r="G36" s="52">
        <v>6749</v>
      </c>
      <c r="H36" s="52">
        <v>84</v>
      </c>
      <c r="I36" s="43">
        <v>6833</v>
      </c>
      <c r="J36" s="52">
        <v>7063</v>
      </c>
      <c r="K36" s="52">
        <v>91</v>
      </c>
      <c r="L36" s="43">
        <v>7154</v>
      </c>
      <c r="M36" s="52">
        <v>6992</v>
      </c>
      <c r="N36" s="52">
        <v>64</v>
      </c>
      <c r="O36" s="43">
        <v>7056</v>
      </c>
      <c r="P36" s="52">
        <v>6836</v>
      </c>
      <c r="Q36" s="52">
        <v>84</v>
      </c>
      <c r="R36" s="43">
        <v>6920</v>
      </c>
      <c r="S36" s="52">
        <v>9418</v>
      </c>
      <c r="T36" s="52">
        <v>402</v>
      </c>
      <c r="U36" s="43">
        <v>9820</v>
      </c>
      <c r="V36" s="52">
        <v>12471</v>
      </c>
      <c r="W36" s="52">
        <v>690</v>
      </c>
      <c r="X36" s="43">
        <v>13161</v>
      </c>
      <c r="Y36" s="52">
        <v>11743</v>
      </c>
      <c r="Z36" s="52">
        <v>587</v>
      </c>
      <c r="AA36" s="43">
        <v>12330</v>
      </c>
      <c r="AB36" s="52">
        <v>11709</v>
      </c>
      <c r="AC36" s="52">
        <v>442</v>
      </c>
      <c r="AD36" s="43">
        <v>12151</v>
      </c>
      <c r="AE36" s="52">
        <v>12303</v>
      </c>
      <c r="AF36" s="52">
        <v>364</v>
      </c>
      <c r="AG36" s="43">
        <v>12667</v>
      </c>
      <c r="AH36" s="52">
        <v>13699</v>
      </c>
      <c r="AI36" s="52">
        <v>273</v>
      </c>
      <c r="AJ36" s="43">
        <v>13972</v>
      </c>
      <c r="AK36" s="52">
        <v>14655</v>
      </c>
      <c r="AL36" s="52">
        <v>263</v>
      </c>
      <c r="AM36" s="43">
        <v>14918</v>
      </c>
      <c r="AN36" s="52">
        <v>12315</v>
      </c>
      <c r="AO36" s="52">
        <v>243</v>
      </c>
      <c r="AP36" s="43">
        <v>12558</v>
      </c>
      <c r="AQ36" s="52">
        <v>9433</v>
      </c>
      <c r="AR36" s="52">
        <v>146</v>
      </c>
      <c r="AS36" s="43">
        <v>9579</v>
      </c>
      <c r="AT36" s="52">
        <v>7721</v>
      </c>
      <c r="AU36" s="52">
        <v>85</v>
      </c>
      <c r="AV36" s="43">
        <v>7806</v>
      </c>
      <c r="AW36" s="52">
        <v>8484</v>
      </c>
      <c r="AX36" s="52">
        <v>58</v>
      </c>
      <c r="AY36" s="43">
        <v>8542</v>
      </c>
      <c r="AZ36" s="52">
        <v>8054</v>
      </c>
      <c r="BA36" s="52">
        <v>34</v>
      </c>
      <c r="BB36" s="43">
        <v>8088</v>
      </c>
      <c r="BC36" s="52">
        <v>6831</v>
      </c>
      <c r="BD36" s="52">
        <v>23</v>
      </c>
      <c r="BE36" s="43">
        <v>6854</v>
      </c>
      <c r="BF36" s="52">
        <v>4783</v>
      </c>
      <c r="BG36" s="52">
        <v>14</v>
      </c>
      <c r="BH36" s="43">
        <v>4797</v>
      </c>
      <c r="BI36" s="52">
        <v>2680</v>
      </c>
      <c r="BJ36" s="52">
        <v>7</v>
      </c>
      <c r="BK36" s="43">
        <v>2687</v>
      </c>
      <c r="BL36" s="52">
        <v>874</v>
      </c>
      <c r="BM36" s="52">
        <v>3</v>
      </c>
      <c r="BN36" s="43">
        <v>877</v>
      </c>
      <c r="BO36" s="52">
        <v>134</v>
      </c>
      <c r="BP36" s="52">
        <v>0</v>
      </c>
      <c r="BQ36" s="44">
        <v>134</v>
      </c>
      <c r="BT36" s="66"/>
    </row>
    <row r="37" spans="1:72" ht="15" thickBot="1" x14ac:dyDescent="0.2">
      <c r="A37" s="54"/>
      <c r="B37" s="32" t="s">
        <v>32</v>
      </c>
      <c r="C37" s="69"/>
      <c r="D37" s="46">
        <v>347537</v>
      </c>
      <c r="E37" s="47">
        <v>7991</v>
      </c>
      <c r="F37" s="48">
        <v>355528</v>
      </c>
      <c r="G37" s="49">
        <v>13763</v>
      </c>
      <c r="H37" s="48">
        <v>213</v>
      </c>
      <c r="I37" s="48">
        <v>13976</v>
      </c>
      <c r="J37" s="49">
        <v>14779</v>
      </c>
      <c r="K37" s="48">
        <v>189</v>
      </c>
      <c r="L37" s="48">
        <v>14968</v>
      </c>
      <c r="M37" s="49">
        <v>14278</v>
      </c>
      <c r="N37" s="48">
        <v>144</v>
      </c>
      <c r="O37" s="48">
        <v>14422</v>
      </c>
      <c r="P37" s="49">
        <v>13951</v>
      </c>
      <c r="Q37" s="48">
        <v>187</v>
      </c>
      <c r="R37" s="48">
        <v>14138</v>
      </c>
      <c r="S37" s="49">
        <v>18972</v>
      </c>
      <c r="T37" s="48">
        <v>899</v>
      </c>
      <c r="U37" s="48">
        <v>19871</v>
      </c>
      <c r="V37" s="49">
        <v>25247</v>
      </c>
      <c r="W37" s="48">
        <v>1434</v>
      </c>
      <c r="X37" s="48">
        <v>26681</v>
      </c>
      <c r="Y37" s="49">
        <v>23763</v>
      </c>
      <c r="Z37" s="48">
        <v>1272</v>
      </c>
      <c r="AA37" s="48">
        <v>25035</v>
      </c>
      <c r="AB37" s="49">
        <v>23930</v>
      </c>
      <c r="AC37" s="48">
        <v>922</v>
      </c>
      <c r="AD37" s="48">
        <v>24852</v>
      </c>
      <c r="AE37" s="49">
        <v>25223</v>
      </c>
      <c r="AF37" s="48">
        <v>718</v>
      </c>
      <c r="AG37" s="48">
        <v>25941</v>
      </c>
      <c r="AH37" s="49">
        <v>28073</v>
      </c>
      <c r="AI37" s="48">
        <v>486</v>
      </c>
      <c r="AJ37" s="48">
        <v>28559</v>
      </c>
      <c r="AK37" s="49">
        <v>29763</v>
      </c>
      <c r="AL37" s="48">
        <v>463</v>
      </c>
      <c r="AM37" s="48">
        <v>30226</v>
      </c>
      <c r="AN37" s="49">
        <v>25726</v>
      </c>
      <c r="AO37" s="48">
        <v>417</v>
      </c>
      <c r="AP37" s="48">
        <v>26143</v>
      </c>
      <c r="AQ37" s="49">
        <v>19399</v>
      </c>
      <c r="AR37" s="48">
        <v>267</v>
      </c>
      <c r="AS37" s="48">
        <v>19666</v>
      </c>
      <c r="AT37" s="49">
        <v>15372</v>
      </c>
      <c r="AU37" s="48">
        <v>144</v>
      </c>
      <c r="AV37" s="48">
        <v>15516</v>
      </c>
      <c r="AW37" s="49">
        <v>16233</v>
      </c>
      <c r="AX37" s="48">
        <v>103</v>
      </c>
      <c r="AY37" s="48">
        <v>16336</v>
      </c>
      <c r="AZ37" s="49">
        <v>14718</v>
      </c>
      <c r="BA37" s="48">
        <v>54</v>
      </c>
      <c r="BB37" s="48">
        <v>14772</v>
      </c>
      <c r="BC37" s="49">
        <v>11681</v>
      </c>
      <c r="BD37" s="48">
        <v>37</v>
      </c>
      <c r="BE37" s="48">
        <v>11718</v>
      </c>
      <c r="BF37" s="49">
        <v>7546</v>
      </c>
      <c r="BG37" s="48">
        <v>26</v>
      </c>
      <c r="BH37" s="48">
        <v>7572</v>
      </c>
      <c r="BI37" s="49">
        <v>3841</v>
      </c>
      <c r="BJ37" s="48">
        <v>11</v>
      </c>
      <c r="BK37" s="48">
        <v>3852</v>
      </c>
      <c r="BL37" s="49">
        <v>1127</v>
      </c>
      <c r="BM37" s="48">
        <v>4</v>
      </c>
      <c r="BN37" s="48">
        <v>1131</v>
      </c>
      <c r="BO37" s="49">
        <v>152</v>
      </c>
      <c r="BP37" s="48">
        <v>0</v>
      </c>
      <c r="BQ37" s="50">
        <v>152</v>
      </c>
      <c r="BT37" s="66"/>
    </row>
    <row r="38" spans="1:72" x14ac:dyDescent="0.15">
      <c r="A38" s="53"/>
      <c r="B38" s="21" t="s">
        <v>29</v>
      </c>
      <c r="C38" s="67">
        <v>141101</v>
      </c>
      <c r="D38" s="37">
        <v>135966</v>
      </c>
      <c r="E38" s="38">
        <v>2439</v>
      </c>
      <c r="F38" s="39">
        <v>138405</v>
      </c>
      <c r="G38" s="52">
        <v>5104</v>
      </c>
      <c r="H38" s="52">
        <v>81</v>
      </c>
      <c r="I38" s="39">
        <v>5185</v>
      </c>
      <c r="J38" s="52">
        <v>5974</v>
      </c>
      <c r="K38" s="52">
        <v>97</v>
      </c>
      <c r="L38" s="39">
        <v>6071</v>
      </c>
      <c r="M38" s="52">
        <v>6350</v>
      </c>
      <c r="N38" s="52">
        <v>80</v>
      </c>
      <c r="O38" s="39">
        <v>6430</v>
      </c>
      <c r="P38" s="52">
        <v>6829</v>
      </c>
      <c r="Q38" s="52">
        <v>79</v>
      </c>
      <c r="R38" s="39">
        <v>6908</v>
      </c>
      <c r="S38" s="52">
        <v>6974</v>
      </c>
      <c r="T38" s="52">
        <v>296</v>
      </c>
      <c r="U38" s="39">
        <v>7270</v>
      </c>
      <c r="V38" s="52">
        <v>6657</v>
      </c>
      <c r="W38" s="52">
        <v>323</v>
      </c>
      <c r="X38" s="39">
        <v>6980</v>
      </c>
      <c r="Y38" s="52">
        <v>6898</v>
      </c>
      <c r="Z38" s="52">
        <v>342</v>
      </c>
      <c r="AA38" s="39">
        <v>7240</v>
      </c>
      <c r="AB38" s="52">
        <v>8112</v>
      </c>
      <c r="AC38" s="52">
        <v>282</v>
      </c>
      <c r="AD38" s="39">
        <v>8394</v>
      </c>
      <c r="AE38" s="52">
        <v>9036</v>
      </c>
      <c r="AF38" s="52">
        <v>230</v>
      </c>
      <c r="AG38" s="39">
        <v>9266</v>
      </c>
      <c r="AH38" s="52">
        <v>11030</v>
      </c>
      <c r="AI38" s="52">
        <v>172</v>
      </c>
      <c r="AJ38" s="39">
        <v>11202</v>
      </c>
      <c r="AK38" s="52">
        <v>12296</v>
      </c>
      <c r="AL38" s="52">
        <v>135</v>
      </c>
      <c r="AM38" s="39">
        <v>12431</v>
      </c>
      <c r="AN38" s="52">
        <v>10594</v>
      </c>
      <c r="AO38" s="52">
        <v>96</v>
      </c>
      <c r="AP38" s="39">
        <v>10690</v>
      </c>
      <c r="AQ38" s="52">
        <v>8192</v>
      </c>
      <c r="AR38" s="52">
        <v>90</v>
      </c>
      <c r="AS38" s="39">
        <v>8282</v>
      </c>
      <c r="AT38" s="52">
        <v>6665</v>
      </c>
      <c r="AU38" s="52">
        <v>50</v>
      </c>
      <c r="AV38" s="39">
        <v>6715</v>
      </c>
      <c r="AW38" s="52">
        <v>7860</v>
      </c>
      <c r="AX38" s="52">
        <v>35</v>
      </c>
      <c r="AY38" s="39">
        <v>7895</v>
      </c>
      <c r="AZ38" s="52">
        <v>7101</v>
      </c>
      <c r="BA38" s="52">
        <v>18</v>
      </c>
      <c r="BB38" s="39">
        <v>7119</v>
      </c>
      <c r="BC38" s="52">
        <v>5482</v>
      </c>
      <c r="BD38" s="52">
        <v>22</v>
      </c>
      <c r="BE38" s="39">
        <v>5504</v>
      </c>
      <c r="BF38" s="52">
        <v>3412</v>
      </c>
      <c r="BG38" s="52">
        <v>7</v>
      </c>
      <c r="BH38" s="39">
        <v>3419</v>
      </c>
      <c r="BI38" s="52">
        <v>1159</v>
      </c>
      <c r="BJ38" s="52">
        <v>4</v>
      </c>
      <c r="BK38" s="39">
        <v>1163</v>
      </c>
      <c r="BL38" s="52">
        <v>222</v>
      </c>
      <c r="BM38" s="52">
        <v>0</v>
      </c>
      <c r="BN38" s="39">
        <v>222</v>
      </c>
      <c r="BO38" s="52">
        <v>19</v>
      </c>
      <c r="BP38" s="52">
        <v>0</v>
      </c>
      <c r="BQ38" s="41">
        <v>19</v>
      </c>
      <c r="BT38" s="66"/>
    </row>
    <row r="39" spans="1:72" x14ac:dyDescent="0.15">
      <c r="A39" s="53" t="s">
        <v>43</v>
      </c>
      <c r="B39" s="26" t="s">
        <v>31</v>
      </c>
      <c r="C39" s="68"/>
      <c r="D39" s="42">
        <v>140873</v>
      </c>
      <c r="E39" s="40">
        <v>2424</v>
      </c>
      <c r="F39" s="43">
        <v>143297</v>
      </c>
      <c r="G39" s="52">
        <v>4921</v>
      </c>
      <c r="H39" s="52">
        <v>84</v>
      </c>
      <c r="I39" s="43">
        <v>5005</v>
      </c>
      <c r="J39" s="52">
        <v>5734</v>
      </c>
      <c r="K39" s="52">
        <v>92</v>
      </c>
      <c r="L39" s="43">
        <v>5826</v>
      </c>
      <c r="M39" s="52">
        <v>6175</v>
      </c>
      <c r="N39" s="52">
        <v>61</v>
      </c>
      <c r="O39" s="43">
        <v>6236</v>
      </c>
      <c r="P39" s="52">
        <v>6457</v>
      </c>
      <c r="Q39" s="52">
        <v>89</v>
      </c>
      <c r="R39" s="43">
        <v>6546</v>
      </c>
      <c r="S39" s="52">
        <v>6964</v>
      </c>
      <c r="T39" s="52">
        <v>167</v>
      </c>
      <c r="U39" s="43">
        <v>7131</v>
      </c>
      <c r="V39" s="52">
        <v>6598</v>
      </c>
      <c r="W39" s="52">
        <v>214</v>
      </c>
      <c r="X39" s="43">
        <v>6812</v>
      </c>
      <c r="Y39" s="52">
        <v>6756</v>
      </c>
      <c r="Z39" s="52">
        <v>270</v>
      </c>
      <c r="AA39" s="43">
        <v>7026</v>
      </c>
      <c r="AB39" s="52">
        <v>7921</v>
      </c>
      <c r="AC39" s="52">
        <v>248</v>
      </c>
      <c r="AD39" s="43">
        <v>8169</v>
      </c>
      <c r="AE39" s="52">
        <v>8486</v>
      </c>
      <c r="AF39" s="52">
        <v>288</v>
      </c>
      <c r="AG39" s="43">
        <v>8774</v>
      </c>
      <c r="AH39" s="52">
        <v>10582</v>
      </c>
      <c r="AI39" s="52">
        <v>230</v>
      </c>
      <c r="AJ39" s="43">
        <v>10812</v>
      </c>
      <c r="AK39" s="52">
        <v>12046</v>
      </c>
      <c r="AL39" s="52">
        <v>184</v>
      </c>
      <c r="AM39" s="43">
        <v>12230</v>
      </c>
      <c r="AN39" s="52">
        <v>9796</v>
      </c>
      <c r="AO39" s="52">
        <v>169</v>
      </c>
      <c r="AP39" s="43">
        <v>9965</v>
      </c>
      <c r="AQ39" s="52">
        <v>7691</v>
      </c>
      <c r="AR39" s="52">
        <v>128</v>
      </c>
      <c r="AS39" s="43">
        <v>7819</v>
      </c>
      <c r="AT39" s="52">
        <v>7102</v>
      </c>
      <c r="AU39" s="52">
        <v>80</v>
      </c>
      <c r="AV39" s="43">
        <v>7182</v>
      </c>
      <c r="AW39" s="52">
        <v>8957</v>
      </c>
      <c r="AX39" s="52">
        <v>55</v>
      </c>
      <c r="AY39" s="43">
        <v>9012</v>
      </c>
      <c r="AZ39" s="52">
        <v>8665</v>
      </c>
      <c r="BA39" s="52">
        <v>28</v>
      </c>
      <c r="BB39" s="43">
        <v>8693</v>
      </c>
      <c r="BC39" s="52">
        <v>7689</v>
      </c>
      <c r="BD39" s="52">
        <v>16</v>
      </c>
      <c r="BE39" s="43">
        <v>7705</v>
      </c>
      <c r="BF39" s="52">
        <v>4986</v>
      </c>
      <c r="BG39" s="52">
        <v>11</v>
      </c>
      <c r="BH39" s="43">
        <v>4997</v>
      </c>
      <c r="BI39" s="52">
        <v>2452</v>
      </c>
      <c r="BJ39" s="52">
        <v>7</v>
      </c>
      <c r="BK39" s="43">
        <v>2459</v>
      </c>
      <c r="BL39" s="52">
        <v>775</v>
      </c>
      <c r="BM39" s="52">
        <v>3</v>
      </c>
      <c r="BN39" s="43">
        <v>778</v>
      </c>
      <c r="BO39" s="52">
        <v>120</v>
      </c>
      <c r="BP39" s="52">
        <v>0</v>
      </c>
      <c r="BQ39" s="44">
        <v>120</v>
      </c>
      <c r="BT39" s="66"/>
    </row>
    <row r="40" spans="1:72" ht="15" thickBot="1" x14ac:dyDescent="0.2">
      <c r="A40" s="54"/>
      <c r="B40" s="32" t="s">
        <v>32</v>
      </c>
      <c r="C40" s="69"/>
      <c r="D40" s="46">
        <v>276839</v>
      </c>
      <c r="E40" s="47">
        <v>4863</v>
      </c>
      <c r="F40" s="48">
        <v>281702</v>
      </c>
      <c r="G40" s="49">
        <v>10025</v>
      </c>
      <c r="H40" s="48">
        <v>165</v>
      </c>
      <c r="I40" s="48">
        <v>10190</v>
      </c>
      <c r="J40" s="49">
        <v>11708</v>
      </c>
      <c r="K40" s="48">
        <v>189</v>
      </c>
      <c r="L40" s="48">
        <v>11897</v>
      </c>
      <c r="M40" s="49">
        <v>12525</v>
      </c>
      <c r="N40" s="48">
        <v>141</v>
      </c>
      <c r="O40" s="48">
        <v>12666</v>
      </c>
      <c r="P40" s="49">
        <v>13286</v>
      </c>
      <c r="Q40" s="48">
        <v>168</v>
      </c>
      <c r="R40" s="48">
        <v>13454</v>
      </c>
      <c r="S40" s="49">
        <v>13938</v>
      </c>
      <c r="T40" s="48">
        <v>463</v>
      </c>
      <c r="U40" s="48">
        <v>14401</v>
      </c>
      <c r="V40" s="49">
        <v>13255</v>
      </c>
      <c r="W40" s="48">
        <v>537</v>
      </c>
      <c r="X40" s="48">
        <v>13792</v>
      </c>
      <c r="Y40" s="49">
        <v>13654</v>
      </c>
      <c r="Z40" s="48">
        <v>612</v>
      </c>
      <c r="AA40" s="48">
        <v>14266</v>
      </c>
      <c r="AB40" s="49">
        <v>16033</v>
      </c>
      <c r="AC40" s="48">
        <v>530</v>
      </c>
      <c r="AD40" s="48">
        <v>16563</v>
      </c>
      <c r="AE40" s="49">
        <v>17522</v>
      </c>
      <c r="AF40" s="48">
        <v>518</v>
      </c>
      <c r="AG40" s="48">
        <v>18040</v>
      </c>
      <c r="AH40" s="49">
        <v>21612</v>
      </c>
      <c r="AI40" s="48">
        <v>402</v>
      </c>
      <c r="AJ40" s="48">
        <v>22014</v>
      </c>
      <c r="AK40" s="49">
        <v>24342</v>
      </c>
      <c r="AL40" s="48">
        <v>319</v>
      </c>
      <c r="AM40" s="48">
        <v>24661</v>
      </c>
      <c r="AN40" s="49">
        <v>20390</v>
      </c>
      <c r="AO40" s="48">
        <v>265</v>
      </c>
      <c r="AP40" s="48">
        <v>20655</v>
      </c>
      <c r="AQ40" s="49">
        <v>15883</v>
      </c>
      <c r="AR40" s="48">
        <v>218</v>
      </c>
      <c r="AS40" s="48">
        <v>16101</v>
      </c>
      <c r="AT40" s="49">
        <v>13767</v>
      </c>
      <c r="AU40" s="48">
        <v>130</v>
      </c>
      <c r="AV40" s="48">
        <v>13897</v>
      </c>
      <c r="AW40" s="49">
        <v>16817</v>
      </c>
      <c r="AX40" s="48">
        <v>90</v>
      </c>
      <c r="AY40" s="48">
        <v>16907</v>
      </c>
      <c r="AZ40" s="49">
        <v>15766</v>
      </c>
      <c r="BA40" s="48">
        <v>46</v>
      </c>
      <c r="BB40" s="48">
        <v>15812</v>
      </c>
      <c r="BC40" s="49">
        <v>13171</v>
      </c>
      <c r="BD40" s="48">
        <v>38</v>
      </c>
      <c r="BE40" s="48">
        <v>13209</v>
      </c>
      <c r="BF40" s="49">
        <v>8398</v>
      </c>
      <c r="BG40" s="48">
        <v>18</v>
      </c>
      <c r="BH40" s="48">
        <v>8416</v>
      </c>
      <c r="BI40" s="49">
        <v>3611</v>
      </c>
      <c r="BJ40" s="48">
        <v>11</v>
      </c>
      <c r="BK40" s="48">
        <v>3622</v>
      </c>
      <c r="BL40" s="49">
        <v>997</v>
      </c>
      <c r="BM40" s="48">
        <v>3</v>
      </c>
      <c r="BN40" s="48">
        <v>1000</v>
      </c>
      <c r="BO40" s="49">
        <v>139</v>
      </c>
      <c r="BP40" s="48">
        <v>0</v>
      </c>
      <c r="BQ40" s="50">
        <v>139</v>
      </c>
      <c r="BT40" s="66"/>
    </row>
    <row r="41" spans="1:72" x14ac:dyDescent="0.15">
      <c r="A41" s="53"/>
      <c r="B41" s="21" t="s">
        <v>29</v>
      </c>
      <c r="C41" s="67">
        <v>141119</v>
      </c>
      <c r="D41" s="37">
        <v>101735</v>
      </c>
      <c r="E41" s="38">
        <v>1623</v>
      </c>
      <c r="F41" s="39">
        <v>103358</v>
      </c>
      <c r="G41" s="52">
        <v>3418</v>
      </c>
      <c r="H41" s="52">
        <v>53</v>
      </c>
      <c r="I41" s="39">
        <v>3471</v>
      </c>
      <c r="J41" s="52">
        <v>3836</v>
      </c>
      <c r="K41" s="52">
        <v>63</v>
      </c>
      <c r="L41" s="39">
        <v>3899</v>
      </c>
      <c r="M41" s="52">
        <v>4389</v>
      </c>
      <c r="N41" s="52">
        <v>42</v>
      </c>
      <c r="O41" s="39">
        <v>4431</v>
      </c>
      <c r="P41" s="52">
        <v>4661</v>
      </c>
      <c r="Q41" s="52">
        <v>47</v>
      </c>
      <c r="R41" s="39">
        <v>4708</v>
      </c>
      <c r="S41" s="52">
        <v>4851</v>
      </c>
      <c r="T41" s="52">
        <v>173</v>
      </c>
      <c r="U41" s="39">
        <v>5024</v>
      </c>
      <c r="V41" s="52">
        <v>5055</v>
      </c>
      <c r="W41" s="52">
        <v>248</v>
      </c>
      <c r="X41" s="39">
        <v>5303</v>
      </c>
      <c r="Y41" s="52">
        <v>5116</v>
      </c>
      <c r="Z41" s="52">
        <v>219</v>
      </c>
      <c r="AA41" s="39">
        <v>5335</v>
      </c>
      <c r="AB41" s="52">
        <v>5681</v>
      </c>
      <c r="AC41" s="52">
        <v>164</v>
      </c>
      <c r="AD41" s="39">
        <v>5845</v>
      </c>
      <c r="AE41" s="52">
        <v>6394</v>
      </c>
      <c r="AF41" s="52">
        <v>153</v>
      </c>
      <c r="AG41" s="39">
        <v>6547</v>
      </c>
      <c r="AH41" s="52">
        <v>7627</v>
      </c>
      <c r="AI41" s="52">
        <v>127</v>
      </c>
      <c r="AJ41" s="39">
        <v>7754</v>
      </c>
      <c r="AK41" s="52">
        <v>9072</v>
      </c>
      <c r="AL41" s="52">
        <v>99</v>
      </c>
      <c r="AM41" s="39">
        <v>9171</v>
      </c>
      <c r="AN41" s="52">
        <v>8146</v>
      </c>
      <c r="AO41" s="52">
        <v>67</v>
      </c>
      <c r="AP41" s="39">
        <v>8213</v>
      </c>
      <c r="AQ41" s="52">
        <v>6603</v>
      </c>
      <c r="AR41" s="52">
        <v>50</v>
      </c>
      <c r="AS41" s="39">
        <v>6653</v>
      </c>
      <c r="AT41" s="52">
        <v>5569</v>
      </c>
      <c r="AU41" s="52">
        <v>42</v>
      </c>
      <c r="AV41" s="39">
        <v>5611</v>
      </c>
      <c r="AW41" s="52">
        <v>6412</v>
      </c>
      <c r="AX41" s="52">
        <v>37</v>
      </c>
      <c r="AY41" s="39">
        <v>6449</v>
      </c>
      <c r="AZ41" s="52">
        <v>5833</v>
      </c>
      <c r="BA41" s="52">
        <v>17</v>
      </c>
      <c r="BB41" s="39">
        <v>5850</v>
      </c>
      <c r="BC41" s="52">
        <v>4804</v>
      </c>
      <c r="BD41" s="52">
        <v>18</v>
      </c>
      <c r="BE41" s="39">
        <v>4822</v>
      </c>
      <c r="BF41" s="52">
        <v>3010</v>
      </c>
      <c r="BG41" s="52">
        <v>2</v>
      </c>
      <c r="BH41" s="39">
        <v>3012</v>
      </c>
      <c r="BI41" s="52">
        <v>1078</v>
      </c>
      <c r="BJ41" s="52">
        <v>1</v>
      </c>
      <c r="BK41" s="39">
        <v>1079</v>
      </c>
      <c r="BL41" s="52">
        <v>167</v>
      </c>
      <c r="BM41" s="52">
        <v>1</v>
      </c>
      <c r="BN41" s="39">
        <v>168</v>
      </c>
      <c r="BO41" s="52">
        <v>13</v>
      </c>
      <c r="BP41" s="52">
        <v>0</v>
      </c>
      <c r="BQ41" s="41">
        <v>13</v>
      </c>
      <c r="BT41" s="66"/>
    </row>
    <row r="42" spans="1:72" x14ac:dyDescent="0.15">
      <c r="A42" s="53" t="s">
        <v>44</v>
      </c>
      <c r="B42" s="26" t="s">
        <v>31</v>
      </c>
      <c r="C42" s="68"/>
      <c r="D42" s="42">
        <v>108012</v>
      </c>
      <c r="E42" s="40">
        <v>1782</v>
      </c>
      <c r="F42" s="43">
        <v>109794</v>
      </c>
      <c r="G42" s="52">
        <v>3358</v>
      </c>
      <c r="H42" s="52">
        <v>47</v>
      </c>
      <c r="I42" s="43">
        <v>3405</v>
      </c>
      <c r="J42" s="52">
        <v>3686</v>
      </c>
      <c r="K42" s="52">
        <v>53</v>
      </c>
      <c r="L42" s="43">
        <v>3739</v>
      </c>
      <c r="M42" s="52">
        <v>4204</v>
      </c>
      <c r="N42" s="52">
        <v>61</v>
      </c>
      <c r="O42" s="43">
        <v>4265</v>
      </c>
      <c r="P42" s="52">
        <v>4369</v>
      </c>
      <c r="Q42" s="52">
        <v>46</v>
      </c>
      <c r="R42" s="43">
        <v>4415</v>
      </c>
      <c r="S42" s="52">
        <v>4906</v>
      </c>
      <c r="T42" s="52">
        <v>114</v>
      </c>
      <c r="U42" s="43">
        <v>5020</v>
      </c>
      <c r="V42" s="52">
        <v>5094</v>
      </c>
      <c r="W42" s="52">
        <v>180</v>
      </c>
      <c r="X42" s="43">
        <v>5274</v>
      </c>
      <c r="Y42" s="52">
        <v>5078</v>
      </c>
      <c r="Z42" s="52">
        <v>193</v>
      </c>
      <c r="AA42" s="43">
        <v>5271</v>
      </c>
      <c r="AB42" s="52">
        <v>5400</v>
      </c>
      <c r="AC42" s="52">
        <v>172</v>
      </c>
      <c r="AD42" s="43">
        <v>5572</v>
      </c>
      <c r="AE42" s="52">
        <v>6134</v>
      </c>
      <c r="AF42" s="52">
        <v>183</v>
      </c>
      <c r="AG42" s="43">
        <v>6317</v>
      </c>
      <c r="AH42" s="52">
        <v>7377</v>
      </c>
      <c r="AI42" s="52">
        <v>156</v>
      </c>
      <c r="AJ42" s="43">
        <v>7533</v>
      </c>
      <c r="AK42" s="52">
        <v>9164</v>
      </c>
      <c r="AL42" s="52">
        <v>178</v>
      </c>
      <c r="AM42" s="43">
        <v>9342</v>
      </c>
      <c r="AN42" s="52">
        <v>7884</v>
      </c>
      <c r="AO42" s="52">
        <v>134</v>
      </c>
      <c r="AP42" s="43">
        <v>8018</v>
      </c>
      <c r="AQ42" s="52">
        <v>6578</v>
      </c>
      <c r="AR42" s="52">
        <v>86</v>
      </c>
      <c r="AS42" s="43">
        <v>6664</v>
      </c>
      <c r="AT42" s="52">
        <v>5893</v>
      </c>
      <c r="AU42" s="52">
        <v>73</v>
      </c>
      <c r="AV42" s="43">
        <v>5966</v>
      </c>
      <c r="AW42" s="52">
        <v>7259</v>
      </c>
      <c r="AX42" s="52">
        <v>45</v>
      </c>
      <c r="AY42" s="43">
        <v>7304</v>
      </c>
      <c r="AZ42" s="52">
        <v>7569</v>
      </c>
      <c r="BA42" s="52">
        <v>34</v>
      </c>
      <c r="BB42" s="43">
        <v>7603</v>
      </c>
      <c r="BC42" s="52">
        <v>6676</v>
      </c>
      <c r="BD42" s="52">
        <v>18</v>
      </c>
      <c r="BE42" s="43">
        <v>6694</v>
      </c>
      <c r="BF42" s="52">
        <v>4534</v>
      </c>
      <c r="BG42" s="52">
        <v>5</v>
      </c>
      <c r="BH42" s="43">
        <v>4539</v>
      </c>
      <c r="BI42" s="52">
        <v>2170</v>
      </c>
      <c r="BJ42" s="52">
        <v>2</v>
      </c>
      <c r="BK42" s="43">
        <v>2172</v>
      </c>
      <c r="BL42" s="52">
        <v>589</v>
      </c>
      <c r="BM42" s="52">
        <v>2</v>
      </c>
      <c r="BN42" s="43">
        <v>591</v>
      </c>
      <c r="BO42" s="52">
        <v>90</v>
      </c>
      <c r="BP42" s="52">
        <v>0</v>
      </c>
      <c r="BQ42" s="44">
        <v>90</v>
      </c>
      <c r="BT42" s="66"/>
    </row>
    <row r="43" spans="1:72" ht="15" thickBot="1" x14ac:dyDescent="0.2">
      <c r="A43" s="54"/>
      <c r="B43" s="32" t="s">
        <v>32</v>
      </c>
      <c r="C43" s="69"/>
      <c r="D43" s="46">
        <v>209747</v>
      </c>
      <c r="E43" s="47">
        <v>3405</v>
      </c>
      <c r="F43" s="48">
        <v>213152</v>
      </c>
      <c r="G43" s="49">
        <v>6776</v>
      </c>
      <c r="H43" s="48">
        <v>100</v>
      </c>
      <c r="I43" s="48">
        <v>6876</v>
      </c>
      <c r="J43" s="49">
        <v>7522</v>
      </c>
      <c r="K43" s="48">
        <v>116</v>
      </c>
      <c r="L43" s="48">
        <v>7638</v>
      </c>
      <c r="M43" s="49">
        <v>8593</v>
      </c>
      <c r="N43" s="48">
        <v>103</v>
      </c>
      <c r="O43" s="48">
        <v>8696</v>
      </c>
      <c r="P43" s="49">
        <v>9030</v>
      </c>
      <c r="Q43" s="48">
        <v>93</v>
      </c>
      <c r="R43" s="48">
        <v>9123</v>
      </c>
      <c r="S43" s="49">
        <v>9757</v>
      </c>
      <c r="T43" s="48">
        <v>287</v>
      </c>
      <c r="U43" s="48">
        <v>10044</v>
      </c>
      <c r="V43" s="49">
        <v>10149</v>
      </c>
      <c r="W43" s="48">
        <v>428</v>
      </c>
      <c r="X43" s="48">
        <v>10577</v>
      </c>
      <c r="Y43" s="49">
        <v>10194</v>
      </c>
      <c r="Z43" s="48">
        <v>412</v>
      </c>
      <c r="AA43" s="48">
        <v>10606</v>
      </c>
      <c r="AB43" s="49">
        <v>11081</v>
      </c>
      <c r="AC43" s="48">
        <v>336</v>
      </c>
      <c r="AD43" s="48">
        <v>11417</v>
      </c>
      <c r="AE43" s="49">
        <v>12528</v>
      </c>
      <c r="AF43" s="48">
        <v>336</v>
      </c>
      <c r="AG43" s="48">
        <v>12864</v>
      </c>
      <c r="AH43" s="49">
        <v>15004</v>
      </c>
      <c r="AI43" s="48">
        <v>283</v>
      </c>
      <c r="AJ43" s="48">
        <v>15287</v>
      </c>
      <c r="AK43" s="49">
        <v>18236</v>
      </c>
      <c r="AL43" s="48">
        <v>277</v>
      </c>
      <c r="AM43" s="48">
        <v>18513</v>
      </c>
      <c r="AN43" s="49">
        <v>16030</v>
      </c>
      <c r="AO43" s="48">
        <v>201</v>
      </c>
      <c r="AP43" s="48">
        <v>16231</v>
      </c>
      <c r="AQ43" s="49">
        <v>13181</v>
      </c>
      <c r="AR43" s="48">
        <v>136</v>
      </c>
      <c r="AS43" s="48">
        <v>13317</v>
      </c>
      <c r="AT43" s="49">
        <v>11462</v>
      </c>
      <c r="AU43" s="48">
        <v>115</v>
      </c>
      <c r="AV43" s="48">
        <v>11577</v>
      </c>
      <c r="AW43" s="49">
        <v>13671</v>
      </c>
      <c r="AX43" s="48">
        <v>82</v>
      </c>
      <c r="AY43" s="48">
        <v>13753</v>
      </c>
      <c r="AZ43" s="49">
        <v>13402</v>
      </c>
      <c r="BA43" s="48">
        <v>51</v>
      </c>
      <c r="BB43" s="48">
        <v>13453</v>
      </c>
      <c r="BC43" s="49">
        <v>11480</v>
      </c>
      <c r="BD43" s="48">
        <v>36</v>
      </c>
      <c r="BE43" s="48">
        <v>11516</v>
      </c>
      <c r="BF43" s="49">
        <v>7544</v>
      </c>
      <c r="BG43" s="48">
        <v>7</v>
      </c>
      <c r="BH43" s="48">
        <v>7551</v>
      </c>
      <c r="BI43" s="49">
        <v>3248</v>
      </c>
      <c r="BJ43" s="48">
        <v>3</v>
      </c>
      <c r="BK43" s="48">
        <v>3251</v>
      </c>
      <c r="BL43" s="49">
        <v>756</v>
      </c>
      <c r="BM43" s="48">
        <v>3</v>
      </c>
      <c r="BN43" s="48">
        <v>759</v>
      </c>
      <c r="BO43" s="49">
        <v>103</v>
      </c>
      <c r="BP43" s="48">
        <v>0</v>
      </c>
      <c r="BQ43" s="50">
        <v>103</v>
      </c>
      <c r="BT43" s="66"/>
    </row>
    <row r="44" spans="1:72" x14ac:dyDescent="0.15">
      <c r="A44" s="53"/>
      <c r="B44" s="21" t="s">
        <v>29</v>
      </c>
      <c r="C44" s="67">
        <v>141127</v>
      </c>
      <c r="D44" s="37">
        <v>116257</v>
      </c>
      <c r="E44" s="38">
        <v>2035</v>
      </c>
      <c r="F44" s="39">
        <v>118292</v>
      </c>
      <c r="G44" s="52">
        <v>3768</v>
      </c>
      <c r="H44" s="52">
        <v>55</v>
      </c>
      <c r="I44" s="39">
        <v>3823</v>
      </c>
      <c r="J44" s="52">
        <v>4503</v>
      </c>
      <c r="K44" s="52">
        <v>55</v>
      </c>
      <c r="L44" s="39">
        <v>4558</v>
      </c>
      <c r="M44" s="52">
        <v>5102</v>
      </c>
      <c r="N44" s="52">
        <v>48</v>
      </c>
      <c r="O44" s="39">
        <v>5150</v>
      </c>
      <c r="P44" s="52">
        <v>5412</v>
      </c>
      <c r="Q44" s="52">
        <v>58</v>
      </c>
      <c r="R44" s="39">
        <v>5470</v>
      </c>
      <c r="S44" s="52">
        <v>5655</v>
      </c>
      <c r="T44" s="52">
        <v>290</v>
      </c>
      <c r="U44" s="39">
        <v>5945</v>
      </c>
      <c r="V44" s="52">
        <v>5588</v>
      </c>
      <c r="W44" s="52">
        <v>404</v>
      </c>
      <c r="X44" s="39">
        <v>5992</v>
      </c>
      <c r="Y44" s="52">
        <v>5648</v>
      </c>
      <c r="Z44" s="52">
        <v>306</v>
      </c>
      <c r="AA44" s="39">
        <v>5954</v>
      </c>
      <c r="AB44" s="52">
        <v>6368</v>
      </c>
      <c r="AC44" s="52">
        <v>212</v>
      </c>
      <c r="AD44" s="39">
        <v>6580</v>
      </c>
      <c r="AE44" s="52">
        <v>7205</v>
      </c>
      <c r="AF44" s="52">
        <v>162</v>
      </c>
      <c r="AG44" s="39">
        <v>7367</v>
      </c>
      <c r="AH44" s="52">
        <v>8719</v>
      </c>
      <c r="AI44" s="52">
        <v>121</v>
      </c>
      <c r="AJ44" s="39">
        <v>8840</v>
      </c>
      <c r="AK44" s="52">
        <v>10291</v>
      </c>
      <c r="AL44" s="52">
        <v>82</v>
      </c>
      <c r="AM44" s="39">
        <v>10373</v>
      </c>
      <c r="AN44" s="52">
        <v>9227</v>
      </c>
      <c r="AO44" s="52">
        <v>82</v>
      </c>
      <c r="AP44" s="39">
        <v>9309</v>
      </c>
      <c r="AQ44" s="52">
        <v>7537</v>
      </c>
      <c r="AR44" s="52">
        <v>50</v>
      </c>
      <c r="AS44" s="39">
        <v>7587</v>
      </c>
      <c r="AT44" s="52">
        <v>6393</v>
      </c>
      <c r="AU44" s="52">
        <v>49</v>
      </c>
      <c r="AV44" s="39">
        <v>6442</v>
      </c>
      <c r="AW44" s="52">
        <v>7498</v>
      </c>
      <c r="AX44" s="52">
        <v>24</v>
      </c>
      <c r="AY44" s="39">
        <v>7522</v>
      </c>
      <c r="AZ44" s="52">
        <v>6795</v>
      </c>
      <c r="BA44" s="52">
        <v>18</v>
      </c>
      <c r="BB44" s="39">
        <v>6813</v>
      </c>
      <c r="BC44" s="52">
        <v>5587</v>
      </c>
      <c r="BD44" s="52">
        <v>7</v>
      </c>
      <c r="BE44" s="39">
        <v>5594</v>
      </c>
      <c r="BF44" s="52">
        <v>3406</v>
      </c>
      <c r="BG44" s="52">
        <v>9</v>
      </c>
      <c r="BH44" s="39">
        <v>3415</v>
      </c>
      <c r="BI44" s="52">
        <v>1311</v>
      </c>
      <c r="BJ44" s="52">
        <v>2</v>
      </c>
      <c r="BK44" s="39">
        <v>1313</v>
      </c>
      <c r="BL44" s="52">
        <v>221</v>
      </c>
      <c r="BM44" s="52">
        <v>1</v>
      </c>
      <c r="BN44" s="39">
        <v>222</v>
      </c>
      <c r="BO44" s="52">
        <v>23</v>
      </c>
      <c r="BP44" s="52">
        <v>0</v>
      </c>
      <c r="BQ44" s="41">
        <v>23</v>
      </c>
      <c r="BT44" s="66"/>
    </row>
    <row r="45" spans="1:72" x14ac:dyDescent="0.15">
      <c r="A45" s="53" t="s">
        <v>45</v>
      </c>
      <c r="B45" s="26" t="s">
        <v>31</v>
      </c>
      <c r="C45" s="68"/>
      <c r="D45" s="42">
        <v>122662</v>
      </c>
      <c r="E45" s="40">
        <v>1945</v>
      </c>
      <c r="F45" s="43">
        <v>124607</v>
      </c>
      <c r="G45" s="52">
        <v>3644</v>
      </c>
      <c r="H45" s="52">
        <v>57</v>
      </c>
      <c r="I45" s="43">
        <v>3701</v>
      </c>
      <c r="J45" s="52">
        <v>4392</v>
      </c>
      <c r="K45" s="52">
        <v>63</v>
      </c>
      <c r="L45" s="43">
        <v>4455</v>
      </c>
      <c r="M45" s="52">
        <v>4993</v>
      </c>
      <c r="N45" s="52">
        <v>44</v>
      </c>
      <c r="O45" s="43">
        <v>5037</v>
      </c>
      <c r="P45" s="52">
        <v>4994</v>
      </c>
      <c r="Q45" s="52">
        <v>39</v>
      </c>
      <c r="R45" s="43">
        <v>5033</v>
      </c>
      <c r="S45" s="52">
        <v>5656</v>
      </c>
      <c r="T45" s="52">
        <v>200</v>
      </c>
      <c r="U45" s="43">
        <v>5856</v>
      </c>
      <c r="V45" s="52">
        <v>5700</v>
      </c>
      <c r="W45" s="52">
        <v>257</v>
      </c>
      <c r="X45" s="43">
        <v>5957</v>
      </c>
      <c r="Y45" s="52">
        <v>5444</v>
      </c>
      <c r="Z45" s="52">
        <v>234</v>
      </c>
      <c r="AA45" s="43">
        <v>5678</v>
      </c>
      <c r="AB45" s="52">
        <v>6020</v>
      </c>
      <c r="AC45" s="52">
        <v>196</v>
      </c>
      <c r="AD45" s="43">
        <v>6216</v>
      </c>
      <c r="AE45" s="52">
        <v>6915</v>
      </c>
      <c r="AF45" s="52">
        <v>180</v>
      </c>
      <c r="AG45" s="43">
        <v>7095</v>
      </c>
      <c r="AH45" s="52">
        <v>8408</v>
      </c>
      <c r="AI45" s="52">
        <v>138</v>
      </c>
      <c r="AJ45" s="43">
        <v>8546</v>
      </c>
      <c r="AK45" s="52">
        <v>9964</v>
      </c>
      <c r="AL45" s="52">
        <v>156</v>
      </c>
      <c r="AM45" s="43">
        <v>10120</v>
      </c>
      <c r="AN45" s="52">
        <v>8596</v>
      </c>
      <c r="AO45" s="52">
        <v>126</v>
      </c>
      <c r="AP45" s="43">
        <v>8722</v>
      </c>
      <c r="AQ45" s="52">
        <v>7322</v>
      </c>
      <c r="AR45" s="52">
        <v>96</v>
      </c>
      <c r="AS45" s="43">
        <v>7418</v>
      </c>
      <c r="AT45" s="52">
        <v>6684</v>
      </c>
      <c r="AU45" s="52">
        <v>68</v>
      </c>
      <c r="AV45" s="43">
        <v>6752</v>
      </c>
      <c r="AW45" s="52">
        <v>8481</v>
      </c>
      <c r="AX45" s="52">
        <v>32</v>
      </c>
      <c r="AY45" s="43">
        <v>8513</v>
      </c>
      <c r="AZ45" s="52">
        <v>8396</v>
      </c>
      <c r="BA45" s="52">
        <v>21</v>
      </c>
      <c r="BB45" s="43">
        <v>8417</v>
      </c>
      <c r="BC45" s="52">
        <v>7900</v>
      </c>
      <c r="BD45" s="52">
        <v>19</v>
      </c>
      <c r="BE45" s="43">
        <v>7919</v>
      </c>
      <c r="BF45" s="52">
        <v>5426</v>
      </c>
      <c r="BG45" s="52">
        <v>11</v>
      </c>
      <c r="BH45" s="43">
        <v>5437</v>
      </c>
      <c r="BI45" s="52">
        <v>2753</v>
      </c>
      <c r="BJ45" s="52">
        <v>5</v>
      </c>
      <c r="BK45" s="43">
        <v>2758</v>
      </c>
      <c r="BL45" s="52">
        <v>837</v>
      </c>
      <c r="BM45" s="52">
        <v>2</v>
      </c>
      <c r="BN45" s="43">
        <v>839</v>
      </c>
      <c r="BO45" s="52">
        <v>137</v>
      </c>
      <c r="BP45" s="52">
        <v>0</v>
      </c>
      <c r="BQ45" s="44">
        <v>137</v>
      </c>
      <c r="BT45" s="66"/>
    </row>
    <row r="46" spans="1:72" ht="15" thickBot="1" x14ac:dyDescent="0.2">
      <c r="A46" s="54"/>
      <c r="B46" s="32" t="s">
        <v>32</v>
      </c>
      <c r="C46" s="69"/>
      <c r="D46" s="46">
        <v>238919</v>
      </c>
      <c r="E46" s="47">
        <v>3980</v>
      </c>
      <c r="F46" s="48">
        <v>242899</v>
      </c>
      <c r="G46" s="49">
        <v>7412</v>
      </c>
      <c r="H46" s="48">
        <v>112</v>
      </c>
      <c r="I46" s="48">
        <v>7524</v>
      </c>
      <c r="J46" s="49">
        <v>8895</v>
      </c>
      <c r="K46" s="48">
        <v>118</v>
      </c>
      <c r="L46" s="48">
        <v>9013</v>
      </c>
      <c r="M46" s="49">
        <v>10095</v>
      </c>
      <c r="N46" s="48">
        <v>92</v>
      </c>
      <c r="O46" s="48">
        <v>10187</v>
      </c>
      <c r="P46" s="49">
        <v>10406</v>
      </c>
      <c r="Q46" s="48">
        <v>97</v>
      </c>
      <c r="R46" s="48">
        <v>10503</v>
      </c>
      <c r="S46" s="49">
        <v>11311</v>
      </c>
      <c r="T46" s="48">
        <v>490</v>
      </c>
      <c r="U46" s="48">
        <v>11801</v>
      </c>
      <c r="V46" s="49">
        <v>11288</v>
      </c>
      <c r="W46" s="48">
        <v>661</v>
      </c>
      <c r="X46" s="48">
        <v>11949</v>
      </c>
      <c r="Y46" s="49">
        <v>11092</v>
      </c>
      <c r="Z46" s="48">
        <v>540</v>
      </c>
      <c r="AA46" s="48">
        <v>11632</v>
      </c>
      <c r="AB46" s="49">
        <v>12388</v>
      </c>
      <c r="AC46" s="48">
        <v>408</v>
      </c>
      <c r="AD46" s="48">
        <v>12796</v>
      </c>
      <c r="AE46" s="49">
        <v>14120</v>
      </c>
      <c r="AF46" s="48">
        <v>342</v>
      </c>
      <c r="AG46" s="48">
        <v>14462</v>
      </c>
      <c r="AH46" s="49">
        <v>17127</v>
      </c>
      <c r="AI46" s="48">
        <v>259</v>
      </c>
      <c r="AJ46" s="48">
        <v>17386</v>
      </c>
      <c r="AK46" s="49">
        <v>20255</v>
      </c>
      <c r="AL46" s="48">
        <v>238</v>
      </c>
      <c r="AM46" s="48">
        <v>20493</v>
      </c>
      <c r="AN46" s="49">
        <v>17823</v>
      </c>
      <c r="AO46" s="48">
        <v>208</v>
      </c>
      <c r="AP46" s="48">
        <v>18031</v>
      </c>
      <c r="AQ46" s="49">
        <v>14859</v>
      </c>
      <c r="AR46" s="48">
        <v>146</v>
      </c>
      <c r="AS46" s="48">
        <v>15005</v>
      </c>
      <c r="AT46" s="49">
        <v>13077</v>
      </c>
      <c r="AU46" s="48">
        <v>117</v>
      </c>
      <c r="AV46" s="48">
        <v>13194</v>
      </c>
      <c r="AW46" s="49">
        <v>15979</v>
      </c>
      <c r="AX46" s="48">
        <v>56</v>
      </c>
      <c r="AY46" s="48">
        <v>16035</v>
      </c>
      <c r="AZ46" s="49">
        <v>15191</v>
      </c>
      <c r="BA46" s="48">
        <v>39</v>
      </c>
      <c r="BB46" s="48">
        <v>15230</v>
      </c>
      <c r="BC46" s="49">
        <v>13487</v>
      </c>
      <c r="BD46" s="48">
        <v>26</v>
      </c>
      <c r="BE46" s="48">
        <v>13513</v>
      </c>
      <c r="BF46" s="49">
        <v>8832</v>
      </c>
      <c r="BG46" s="48">
        <v>20</v>
      </c>
      <c r="BH46" s="48">
        <v>8852</v>
      </c>
      <c r="BI46" s="49">
        <v>4064</v>
      </c>
      <c r="BJ46" s="48">
        <v>7</v>
      </c>
      <c r="BK46" s="48">
        <v>4071</v>
      </c>
      <c r="BL46" s="49">
        <v>1058</v>
      </c>
      <c r="BM46" s="48">
        <v>3</v>
      </c>
      <c r="BN46" s="48">
        <v>1061</v>
      </c>
      <c r="BO46" s="49">
        <v>160</v>
      </c>
      <c r="BP46" s="48">
        <v>0</v>
      </c>
      <c r="BQ46" s="50">
        <v>160</v>
      </c>
      <c r="BT46" s="66"/>
    </row>
    <row r="47" spans="1:72" x14ac:dyDescent="0.15">
      <c r="A47" s="53"/>
      <c r="B47" s="21" t="s">
        <v>29</v>
      </c>
      <c r="C47" s="67">
        <v>141135</v>
      </c>
      <c r="D47" s="37">
        <v>87225</v>
      </c>
      <c r="E47" s="38">
        <v>2429</v>
      </c>
      <c r="F47" s="39">
        <v>89654</v>
      </c>
      <c r="G47" s="52">
        <v>3211</v>
      </c>
      <c r="H47" s="52">
        <v>131</v>
      </c>
      <c r="I47" s="39">
        <v>3342</v>
      </c>
      <c r="J47" s="52">
        <v>3675</v>
      </c>
      <c r="K47" s="52">
        <v>198</v>
      </c>
      <c r="L47" s="39">
        <v>3873</v>
      </c>
      <c r="M47" s="52">
        <v>4076</v>
      </c>
      <c r="N47" s="52">
        <v>142</v>
      </c>
      <c r="O47" s="39">
        <v>4218</v>
      </c>
      <c r="P47" s="52">
        <v>4332</v>
      </c>
      <c r="Q47" s="52">
        <v>59</v>
      </c>
      <c r="R47" s="39">
        <v>4391</v>
      </c>
      <c r="S47" s="52">
        <v>4783</v>
      </c>
      <c r="T47" s="52">
        <v>200</v>
      </c>
      <c r="U47" s="39">
        <v>4983</v>
      </c>
      <c r="V47" s="52">
        <v>4655</v>
      </c>
      <c r="W47" s="52">
        <v>317</v>
      </c>
      <c r="X47" s="39">
        <v>4972</v>
      </c>
      <c r="Y47" s="52">
        <v>4743</v>
      </c>
      <c r="Z47" s="52">
        <v>332</v>
      </c>
      <c r="AA47" s="39">
        <v>5075</v>
      </c>
      <c r="AB47" s="52">
        <v>5115</v>
      </c>
      <c r="AC47" s="52">
        <v>348</v>
      </c>
      <c r="AD47" s="39">
        <v>5463</v>
      </c>
      <c r="AE47" s="52">
        <v>5752</v>
      </c>
      <c r="AF47" s="52">
        <v>280</v>
      </c>
      <c r="AG47" s="39">
        <v>6032</v>
      </c>
      <c r="AH47" s="52">
        <v>6824</v>
      </c>
      <c r="AI47" s="52">
        <v>132</v>
      </c>
      <c r="AJ47" s="39">
        <v>6956</v>
      </c>
      <c r="AK47" s="52">
        <v>8036</v>
      </c>
      <c r="AL47" s="52">
        <v>79</v>
      </c>
      <c r="AM47" s="39">
        <v>8115</v>
      </c>
      <c r="AN47" s="52">
        <v>6987</v>
      </c>
      <c r="AO47" s="52">
        <v>71</v>
      </c>
      <c r="AP47" s="39">
        <v>7058</v>
      </c>
      <c r="AQ47" s="52">
        <v>5265</v>
      </c>
      <c r="AR47" s="52">
        <v>61</v>
      </c>
      <c r="AS47" s="39">
        <v>5326</v>
      </c>
      <c r="AT47" s="52">
        <v>4436</v>
      </c>
      <c r="AU47" s="52">
        <v>32</v>
      </c>
      <c r="AV47" s="39">
        <v>4468</v>
      </c>
      <c r="AW47" s="52">
        <v>4745</v>
      </c>
      <c r="AX47" s="52">
        <v>20</v>
      </c>
      <c r="AY47" s="39">
        <v>4765</v>
      </c>
      <c r="AZ47" s="52">
        <v>4288</v>
      </c>
      <c r="BA47" s="52">
        <v>15</v>
      </c>
      <c r="BB47" s="39">
        <v>4303</v>
      </c>
      <c r="BC47" s="52">
        <v>3446</v>
      </c>
      <c r="BD47" s="52">
        <v>5</v>
      </c>
      <c r="BE47" s="39">
        <v>3451</v>
      </c>
      <c r="BF47" s="52">
        <v>2001</v>
      </c>
      <c r="BG47" s="52">
        <v>6</v>
      </c>
      <c r="BH47" s="39">
        <v>2007</v>
      </c>
      <c r="BI47" s="52">
        <v>734</v>
      </c>
      <c r="BJ47" s="52">
        <v>0</v>
      </c>
      <c r="BK47" s="39">
        <v>734</v>
      </c>
      <c r="BL47" s="52">
        <v>113</v>
      </c>
      <c r="BM47" s="52">
        <v>0</v>
      </c>
      <c r="BN47" s="39">
        <v>113</v>
      </c>
      <c r="BO47" s="52">
        <v>8</v>
      </c>
      <c r="BP47" s="52">
        <v>0</v>
      </c>
      <c r="BQ47" s="41">
        <v>8</v>
      </c>
      <c r="BT47" s="66"/>
    </row>
    <row r="48" spans="1:72" x14ac:dyDescent="0.15">
      <c r="A48" s="53" t="s">
        <v>46</v>
      </c>
      <c r="B48" s="26" t="s">
        <v>31</v>
      </c>
      <c r="C48" s="68"/>
      <c r="D48" s="42">
        <v>89532</v>
      </c>
      <c r="E48" s="40">
        <v>2587</v>
      </c>
      <c r="F48" s="43">
        <v>92119</v>
      </c>
      <c r="G48" s="52">
        <v>3008</v>
      </c>
      <c r="H48" s="52">
        <v>153</v>
      </c>
      <c r="I48" s="43">
        <v>3161</v>
      </c>
      <c r="J48" s="52">
        <v>3558</v>
      </c>
      <c r="K48" s="52">
        <v>180</v>
      </c>
      <c r="L48" s="43">
        <v>3738</v>
      </c>
      <c r="M48" s="52">
        <v>3881</v>
      </c>
      <c r="N48" s="52">
        <v>106</v>
      </c>
      <c r="O48" s="43">
        <v>3987</v>
      </c>
      <c r="P48" s="52">
        <v>4087</v>
      </c>
      <c r="Q48" s="52">
        <v>63</v>
      </c>
      <c r="R48" s="43">
        <v>4150</v>
      </c>
      <c r="S48" s="52">
        <v>4764</v>
      </c>
      <c r="T48" s="52">
        <v>163</v>
      </c>
      <c r="U48" s="43">
        <v>4927</v>
      </c>
      <c r="V48" s="52">
        <v>4728</v>
      </c>
      <c r="W48" s="52">
        <v>301</v>
      </c>
      <c r="X48" s="43">
        <v>5029</v>
      </c>
      <c r="Y48" s="52">
        <v>4502</v>
      </c>
      <c r="Z48" s="52">
        <v>350</v>
      </c>
      <c r="AA48" s="43">
        <v>4852</v>
      </c>
      <c r="AB48" s="52">
        <v>4918</v>
      </c>
      <c r="AC48" s="52">
        <v>365</v>
      </c>
      <c r="AD48" s="43">
        <v>5283</v>
      </c>
      <c r="AE48" s="52">
        <v>5439</v>
      </c>
      <c r="AF48" s="52">
        <v>219</v>
      </c>
      <c r="AG48" s="43">
        <v>5658</v>
      </c>
      <c r="AH48" s="52">
        <v>6568</v>
      </c>
      <c r="AI48" s="52">
        <v>166</v>
      </c>
      <c r="AJ48" s="43">
        <v>6734</v>
      </c>
      <c r="AK48" s="52">
        <v>7697</v>
      </c>
      <c r="AL48" s="52">
        <v>147</v>
      </c>
      <c r="AM48" s="43">
        <v>7844</v>
      </c>
      <c r="AN48" s="52">
        <v>6501</v>
      </c>
      <c r="AO48" s="52">
        <v>128</v>
      </c>
      <c r="AP48" s="43">
        <v>6629</v>
      </c>
      <c r="AQ48" s="52">
        <v>5104</v>
      </c>
      <c r="AR48" s="52">
        <v>99</v>
      </c>
      <c r="AS48" s="43">
        <v>5203</v>
      </c>
      <c r="AT48" s="52">
        <v>4489</v>
      </c>
      <c r="AU48" s="52">
        <v>67</v>
      </c>
      <c r="AV48" s="43">
        <v>4556</v>
      </c>
      <c r="AW48" s="52">
        <v>5389</v>
      </c>
      <c r="AX48" s="52">
        <v>33</v>
      </c>
      <c r="AY48" s="43">
        <v>5422</v>
      </c>
      <c r="AZ48" s="52">
        <v>5316</v>
      </c>
      <c r="BA48" s="52">
        <v>16</v>
      </c>
      <c r="BB48" s="43">
        <v>5332</v>
      </c>
      <c r="BC48" s="52">
        <v>4560</v>
      </c>
      <c r="BD48" s="52">
        <v>21</v>
      </c>
      <c r="BE48" s="43">
        <v>4581</v>
      </c>
      <c r="BF48" s="52">
        <v>3111</v>
      </c>
      <c r="BG48" s="52">
        <v>9</v>
      </c>
      <c r="BH48" s="43">
        <v>3120</v>
      </c>
      <c r="BI48" s="52">
        <v>1439</v>
      </c>
      <c r="BJ48" s="52">
        <v>0</v>
      </c>
      <c r="BK48" s="43">
        <v>1439</v>
      </c>
      <c r="BL48" s="52">
        <v>409</v>
      </c>
      <c r="BM48" s="52">
        <v>1</v>
      </c>
      <c r="BN48" s="43">
        <v>410</v>
      </c>
      <c r="BO48" s="52">
        <v>64</v>
      </c>
      <c r="BP48" s="52">
        <v>0</v>
      </c>
      <c r="BQ48" s="44">
        <v>64</v>
      </c>
      <c r="BT48" s="66"/>
    </row>
    <row r="49" spans="1:72" ht="15" thickBot="1" x14ac:dyDescent="0.2">
      <c r="A49" s="54"/>
      <c r="B49" s="32" t="s">
        <v>32</v>
      </c>
      <c r="C49" s="69"/>
      <c r="D49" s="46">
        <v>176757</v>
      </c>
      <c r="E49" s="47">
        <v>5016</v>
      </c>
      <c r="F49" s="48">
        <v>181773</v>
      </c>
      <c r="G49" s="49">
        <v>6219</v>
      </c>
      <c r="H49" s="48">
        <v>284</v>
      </c>
      <c r="I49" s="48">
        <v>6503</v>
      </c>
      <c r="J49" s="49">
        <v>7233</v>
      </c>
      <c r="K49" s="48">
        <v>378</v>
      </c>
      <c r="L49" s="48">
        <v>7611</v>
      </c>
      <c r="M49" s="49">
        <v>7957</v>
      </c>
      <c r="N49" s="48">
        <v>248</v>
      </c>
      <c r="O49" s="48">
        <v>8205</v>
      </c>
      <c r="P49" s="49">
        <v>8419</v>
      </c>
      <c r="Q49" s="48">
        <v>122</v>
      </c>
      <c r="R49" s="48">
        <v>8541</v>
      </c>
      <c r="S49" s="49">
        <v>9547</v>
      </c>
      <c r="T49" s="48">
        <v>363</v>
      </c>
      <c r="U49" s="48">
        <v>9910</v>
      </c>
      <c r="V49" s="49">
        <v>9383</v>
      </c>
      <c r="W49" s="48">
        <v>618</v>
      </c>
      <c r="X49" s="48">
        <v>10001</v>
      </c>
      <c r="Y49" s="49">
        <v>9245</v>
      </c>
      <c r="Z49" s="48">
        <v>682</v>
      </c>
      <c r="AA49" s="48">
        <v>9927</v>
      </c>
      <c r="AB49" s="49">
        <v>10033</v>
      </c>
      <c r="AC49" s="48">
        <v>713</v>
      </c>
      <c r="AD49" s="48">
        <v>10746</v>
      </c>
      <c r="AE49" s="49">
        <v>11191</v>
      </c>
      <c r="AF49" s="48">
        <v>499</v>
      </c>
      <c r="AG49" s="48">
        <v>11690</v>
      </c>
      <c r="AH49" s="49">
        <v>13392</v>
      </c>
      <c r="AI49" s="48">
        <v>298</v>
      </c>
      <c r="AJ49" s="48">
        <v>13690</v>
      </c>
      <c r="AK49" s="49">
        <v>15733</v>
      </c>
      <c r="AL49" s="48">
        <v>226</v>
      </c>
      <c r="AM49" s="48">
        <v>15959</v>
      </c>
      <c r="AN49" s="49">
        <v>13488</v>
      </c>
      <c r="AO49" s="48">
        <v>199</v>
      </c>
      <c r="AP49" s="48">
        <v>13687</v>
      </c>
      <c r="AQ49" s="49">
        <v>10369</v>
      </c>
      <c r="AR49" s="48">
        <v>160</v>
      </c>
      <c r="AS49" s="48">
        <v>10529</v>
      </c>
      <c r="AT49" s="49">
        <v>8925</v>
      </c>
      <c r="AU49" s="48">
        <v>99</v>
      </c>
      <c r="AV49" s="48">
        <v>9024</v>
      </c>
      <c r="AW49" s="49">
        <v>10134</v>
      </c>
      <c r="AX49" s="48">
        <v>53</v>
      </c>
      <c r="AY49" s="48">
        <v>10187</v>
      </c>
      <c r="AZ49" s="49">
        <v>9604</v>
      </c>
      <c r="BA49" s="48">
        <v>31</v>
      </c>
      <c r="BB49" s="48">
        <v>9635</v>
      </c>
      <c r="BC49" s="49">
        <v>8006</v>
      </c>
      <c r="BD49" s="48">
        <v>26</v>
      </c>
      <c r="BE49" s="48">
        <v>8032</v>
      </c>
      <c r="BF49" s="49">
        <v>5112</v>
      </c>
      <c r="BG49" s="48">
        <v>15</v>
      </c>
      <c r="BH49" s="48">
        <v>5127</v>
      </c>
      <c r="BI49" s="49">
        <v>2173</v>
      </c>
      <c r="BJ49" s="48">
        <v>0</v>
      </c>
      <c r="BK49" s="48">
        <v>2173</v>
      </c>
      <c r="BL49" s="49">
        <v>522</v>
      </c>
      <c r="BM49" s="48">
        <v>1</v>
      </c>
      <c r="BN49" s="48">
        <v>523</v>
      </c>
      <c r="BO49" s="49">
        <v>72</v>
      </c>
      <c r="BP49" s="48">
        <v>0</v>
      </c>
      <c r="BQ49" s="50">
        <v>72</v>
      </c>
      <c r="BT49" s="66"/>
    </row>
    <row r="50" spans="1:72" x14ac:dyDescent="0.15">
      <c r="A50" s="53"/>
      <c r="B50" s="21" t="s">
        <v>29</v>
      </c>
      <c r="C50" s="67">
        <v>141143</v>
      </c>
      <c r="D50" s="37">
        <v>58574</v>
      </c>
      <c r="E50" s="38">
        <v>1140</v>
      </c>
      <c r="F50" s="39">
        <v>59714</v>
      </c>
      <c r="G50" s="52">
        <v>2018</v>
      </c>
      <c r="H50" s="52">
        <v>39</v>
      </c>
      <c r="I50" s="39">
        <v>2057</v>
      </c>
      <c r="J50" s="52">
        <v>2193</v>
      </c>
      <c r="K50" s="52">
        <v>53</v>
      </c>
      <c r="L50" s="39">
        <v>2246</v>
      </c>
      <c r="M50" s="52">
        <v>2506</v>
      </c>
      <c r="N50" s="52">
        <v>52</v>
      </c>
      <c r="O50" s="39">
        <v>2558</v>
      </c>
      <c r="P50" s="52">
        <v>2942</v>
      </c>
      <c r="Q50" s="52">
        <v>63</v>
      </c>
      <c r="R50" s="39">
        <v>3005</v>
      </c>
      <c r="S50" s="52">
        <v>3022</v>
      </c>
      <c r="T50" s="52">
        <v>154</v>
      </c>
      <c r="U50" s="39">
        <v>3176</v>
      </c>
      <c r="V50" s="52">
        <v>3113</v>
      </c>
      <c r="W50" s="52">
        <v>193</v>
      </c>
      <c r="X50" s="39">
        <v>3306</v>
      </c>
      <c r="Y50" s="52">
        <v>2948</v>
      </c>
      <c r="Z50" s="52">
        <v>158</v>
      </c>
      <c r="AA50" s="39">
        <v>3106</v>
      </c>
      <c r="AB50" s="52">
        <v>3239</v>
      </c>
      <c r="AC50" s="52">
        <v>131</v>
      </c>
      <c r="AD50" s="39">
        <v>3370</v>
      </c>
      <c r="AE50" s="52">
        <v>3570</v>
      </c>
      <c r="AF50" s="52">
        <v>73</v>
      </c>
      <c r="AG50" s="39">
        <v>3643</v>
      </c>
      <c r="AH50" s="52">
        <v>4487</v>
      </c>
      <c r="AI50" s="52">
        <v>58</v>
      </c>
      <c r="AJ50" s="39">
        <v>4545</v>
      </c>
      <c r="AK50" s="52">
        <v>5477</v>
      </c>
      <c r="AL50" s="52">
        <v>42</v>
      </c>
      <c r="AM50" s="39">
        <v>5519</v>
      </c>
      <c r="AN50" s="52">
        <v>4635</v>
      </c>
      <c r="AO50" s="52">
        <v>47</v>
      </c>
      <c r="AP50" s="39">
        <v>4682</v>
      </c>
      <c r="AQ50" s="52">
        <v>3622</v>
      </c>
      <c r="AR50" s="52">
        <v>29</v>
      </c>
      <c r="AS50" s="39">
        <v>3651</v>
      </c>
      <c r="AT50" s="52">
        <v>3072</v>
      </c>
      <c r="AU50" s="52">
        <v>17</v>
      </c>
      <c r="AV50" s="39">
        <v>3089</v>
      </c>
      <c r="AW50" s="52">
        <v>3526</v>
      </c>
      <c r="AX50" s="52">
        <v>9</v>
      </c>
      <c r="AY50" s="39">
        <v>3535</v>
      </c>
      <c r="AZ50" s="52">
        <v>3129</v>
      </c>
      <c r="BA50" s="52">
        <v>12</v>
      </c>
      <c r="BB50" s="39">
        <v>3141</v>
      </c>
      <c r="BC50" s="52">
        <v>2783</v>
      </c>
      <c r="BD50" s="52">
        <v>5</v>
      </c>
      <c r="BE50" s="39">
        <v>2788</v>
      </c>
      <c r="BF50" s="52">
        <v>1633</v>
      </c>
      <c r="BG50" s="52">
        <v>4</v>
      </c>
      <c r="BH50" s="39">
        <v>1637</v>
      </c>
      <c r="BI50" s="52">
        <v>550</v>
      </c>
      <c r="BJ50" s="52">
        <v>1</v>
      </c>
      <c r="BK50" s="39">
        <v>551</v>
      </c>
      <c r="BL50" s="52">
        <v>103</v>
      </c>
      <c r="BM50" s="52">
        <v>0</v>
      </c>
      <c r="BN50" s="39">
        <v>103</v>
      </c>
      <c r="BO50" s="52">
        <v>6</v>
      </c>
      <c r="BP50" s="52">
        <v>0</v>
      </c>
      <c r="BQ50" s="41">
        <v>6</v>
      </c>
      <c r="BT50" s="66"/>
    </row>
    <row r="51" spans="1:72" x14ac:dyDescent="0.15">
      <c r="A51" s="53" t="s">
        <v>47</v>
      </c>
      <c r="B51" s="26" t="s">
        <v>31</v>
      </c>
      <c r="C51" s="68"/>
      <c r="D51" s="42">
        <v>61200</v>
      </c>
      <c r="E51" s="40">
        <v>1191</v>
      </c>
      <c r="F51" s="43">
        <v>62391</v>
      </c>
      <c r="G51" s="52">
        <v>1800</v>
      </c>
      <c r="H51" s="52">
        <v>41</v>
      </c>
      <c r="I51" s="43">
        <v>1841</v>
      </c>
      <c r="J51" s="52">
        <v>2111</v>
      </c>
      <c r="K51" s="52">
        <v>42</v>
      </c>
      <c r="L51" s="43">
        <v>2153</v>
      </c>
      <c r="M51" s="52">
        <v>2442</v>
      </c>
      <c r="N51" s="52">
        <v>49</v>
      </c>
      <c r="O51" s="43">
        <v>2491</v>
      </c>
      <c r="P51" s="52">
        <v>2791</v>
      </c>
      <c r="Q51" s="52">
        <v>44</v>
      </c>
      <c r="R51" s="43">
        <v>2835</v>
      </c>
      <c r="S51" s="52">
        <v>3115</v>
      </c>
      <c r="T51" s="52">
        <v>94</v>
      </c>
      <c r="U51" s="43">
        <v>3209</v>
      </c>
      <c r="V51" s="52">
        <v>3099</v>
      </c>
      <c r="W51" s="52">
        <v>113</v>
      </c>
      <c r="X51" s="43">
        <v>3212</v>
      </c>
      <c r="Y51" s="52">
        <v>2817</v>
      </c>
      <c r="Z51" s="52">
        <v>122</v>
      </c>
      <c r="AA51" s="43">
        <v>2939</v>
      </c>
      <c r="AB51" s="52">
        <v>3033</v>
      </c>
      <c r="AC51" s="52">
        <v>129</v>
      </c>
      <c r="AD51" s="43">
        <v>3162</v>
      </c>
      <c r="AE51" s="52">
        <v>3294</v>
      </c>
      <c r="AF51" s="52">
        <v>109</v>
      </c>
      <c r="AG51" s="43">
        <v>3403</v>
      </c>
      <c r="AH51" s="52">
        <v>4298</v>
      </c>
      <c r="AI51" s="52">
        <v>110</v>
      </c>
      <c r="AJ51" s="43">
        <v>4408</v>
      </c>
      <c r="AK51" s="52">
        <v>5189</v>
      </c>
      <c r="AL51" s="52">
        <v>94</v>
      </c>
      <c r="AM51" s="43">
        <v>5283</v>
      </c>
      <c r="AN51" s="52">
        <v>4380</v>
      </c>
      <c r="AO51" s="52">
        <v>102</v>
      </c>
      <c r="AP51" s="43">
        <v>4482</v>
      </c>
      <c r="AQ51" s="52">
        <v>3409</v>
      </c>
      <c r="AR51" s="52">
        <v>61</v>
      </c>
      <c r="AS51" s="43">
        <v>3470</v>
      </c>
      <c r="AT51" s="52">
        <v>3173</v>
      </c>
      <c r="AU51" s="52">
        <v>38</v>
      </c>
      <c r="AV51" s="43">
        <v>3211</v>
      </c>
      <c r="AW51" s="52">
        <v>4025</v>
      </c>
      <c r="AX51" s="52">
        <v>21</v>
      </c>
      <c r="AY51" s="43">
        <v>4046</v>
      </c>
      <c r="AZ51" s="52">
        <v>4095</v>
      </c>
      <c r="BA51" s="52">
        <v>9</v>
      </c>
      <c r="BB51" s="43">
        <v>4104</v>
      </c>
      <c r="BC51" s="52">
        <v>3869</v>
      </c>
      <c r="BD51" s="52">
        <v>8</v>
      </c>
      <c r="BE51" s="43">
        <v>3877</v>
      </c>
      <c r="BF51" s="52">
        <v>2489</v>
      </c>
      <c r="BG51" s="52">
        <v>4</v>
      </c>
      <c r="BH51" s="43">
        <v>2493</v>
      </c>
      <c r="BI51" s="52">
        <v>1320</v>
      </c>
      <c r="BJ51" s="52">
        <v>1</v>
      </c>
      <c r="BK51" s="43">
        <v>1321</v>
      </c>
      <c r="BL51" s="52">
        <v>388</v>
      </c>
      <c r="BM51" s="52">
        <v>0</v>
      </c>
      <c r="BN51" s="43">
        <v>388</v>
      </c>
      <c r="BO51" s="52">
        <v>63</v>
      </c>
      <c r="BP51" s="52">
        <v>0</v>
      </c>
      <c r="BQ51" s="44">
        <v>63</v>
      </c>
      <c r="BT51" s="66"/>
    </row>
    <row r="52" spans="1:72" ht="15" thickBot="1" x14ac:dyDescent="0.2">
      <c r="A52" s="54"/>
      <c r="B52" s="32" t="s">
        <v>32</v>
      </c>
      <c r="C52" s="69"/>
      <c r="D52" s="46">
        <v>119774</v>
      </c>
      <c r="E52" s="47">
        <v>2331</v>
      </c>
      <c r="F52" s="48">
        <v>122105</v>
      </c>
      <c r="G52" s="49">
        <v>3818</v>
      </c>
      <c r="H52" s="48">
        <v>80</v>
      </c>
      <c r="I52" s="48">
        <v>3898</v>
      </c>
      <c r="J52" s="49">
        <v>4304</v>
      </c>
      <c r="K52" s="48">
        <v>95</v>
      </c>
      <c r="L52" s="48">
        <v>4399</v>
      </c>
      <c r="M52" s="49">
        <v>4948</v>
      </c>
      <c r="N52" s="48">
        <v>101</v>
      </c>
      <c r="O52" s="48">
        <v>5049</v>
      </c>
      <c r="P52" s="49">
        <v>5733</v>
      </c>
      <c r="Q52" s="48">
        <v>107</v>
      </c>
      <c r="R52" s="48">
        <v>5840</v>
      </c>
      <c r="S52" s="49">
        <v>6137</v>
      </c>
      <c r="T52" s="48">
        <v>248</v>
      </c>
      <c r="U52" s="48">
        <v>6385</v>
      </c>
      <c r="V52" s="49">
        <v>6212</v>
      </c>
      <c r="W52" s="48">
        <v>306</v>
      </c>
      <c r="X52" s="48">
        <v>6518</v>
      </c>
      <c r="Y52" s="49">
        <v>5765</v>
      </c>
      <c r="Z52" s="48">
        <v>280</v>
      </c>
      <c r="AA52" s="48">
        <v>6045</v>
      </c>
      <c r="AB52" s="49">
        <v>6272</v>
      </c>
      <c r="AC52" s="48">
        <v>260</v>
      </c>
      <c r="AD52" s="48">
        <v>6532</v>
      </c>
      <c r="AE52" s="49">
        <v>6864</v>
      </c>
      <c r="AF52" s="48">
        <v>182</v>
      </c>
      <c r="AG52" s="48">
        <v>7046</v>
      </c>
      <c r="AH52" s="49">
        <v>8785</v>
      </c>
      <c r="AI52" s="48">
        <v>168</v>
      </c>
      <c r="AJ52" s="48">
        <v>8953</v>
      </c>
      <c r="AK52" s="49">
        <v>10666</v>
      </c>
      <c r="AL52" s="48">
        <v>136</v>
      </c>
      <c r="AM52" s="48">
        <v>10802</v>
      </c>
      <c r="AN52" s="49">
        <v>9015</v>
      </c>
      <c r="AO52" s="48">
        <v>149</v>
      </c>
      <c r="AP52" s="48">
        <v>9164</v>
      </c>
      <c r="AQ52" s="49">
        <v>7031</v>
      </c>
      <c r="AR52" s="48">
        <v>90</v>
      </c>
      <c r="AS52" s="48">
        <v>7121</v>
      </c>
      <c r="AT52" s="49">
        <v>6245</v>
      </c>
      <c r="AU52" s="48">
        <v>55</v>
      </c>
      <c r="AV52" s="48">
        <v>6300</v>
      </c>
      <c r="AW52" s="49">
        <v>7551</v>
      </c>
      <c r="AX52" s="48">
        <v>30</v>
      </c>
      <c r="AY52" s="48">
        <v>7581</v>
      </c>
      <c r="AZ52" s="49">
        <v>7224</v>
      </c>
      <c r="BA52" s="48">
        <v>21</v>
      </c>
      <c r="BB52" s="48">
        <v>7245</v>
      </c>
      <c r="BC52" s="49">
        <v>6652</v>
      </c>
      <c r="BD52" s="48">
        <v>13</v>
      </c>
      <c r="BE52" s="48">
        <v>6665</v>
      </c>
      <c r="BF52" s="49">
        <v>4122</v>
      </c>
      <c r="BG52" s="48">
        <v>8</v>
      </c>
      <c r="BH52" s="48">
        <v>4130</v>
      </c>
      <c r="BI52" s="49">
        <v>1870</v>
      </c>
      <c r="BJ52" s="48">
        <v>2</v>
      </c>
      <c r="BK52" s="48">
        <v>1872</v>
      </c>
      <c r="BL52" s="49">
        <v>491</v>
      </c>
      <c r="BM52" s="48">
        <v>0</v>
      </c>
      <c r="BN52" s="48">
        <v>491</v>
      </c>
      <c r="BO52" s="49">
        <v>69</v>
      </c>
      <c r="BP52" s="48">
        <v>0</v>
      </c>
      <c r="BQ52" s="50">
        <v>69</v>
      </c>
      <c r="BT52" s="66"/>
    </row>
    <row r="53" spans="1:72" x14ac:dyDescent="0.15">
      <c r="A53" s="53"/>
      <c r="B53" s="21" t="s">
        <v>29</v>
      </c>
      <c r="C53" s="67">
        <v>141151</v>
      </c>
      <c r="D53" s="37">
        <v>58153</v>
      </c>
      <c r="E53" s="38">
        <v>737</v>
      </c>
      <c r="F53" s="39">
        <v>58890</v>
      </c>
      <c r="G53" s="52">
        <v>1935</v>
      </c>
      <c r="H53" s="52">
        <v>30</v>
      </c>
      <c r="I53" s="39">
        <v>1965</v>
      </c>
      <c r="J53" s="52">
        <v>2199</v>
      </c>
      <c r="K53" s="52">
        <v>22</v>
      </c>
      <c r="L53" s="39">
        <v>2221</v>
      </c>
      <c r="M53" s="52">
        <v>2509</v>
      </c>
      <c r="N53" s="52">
        <v>21</v>
      </c>
      <c r="O53" s="39">
        <v>2530</v>
      </c>
      <c r="P53" s="52">
        <v>2860</v>
      </c>
      <c r="Q53" s="52">
        <v>21</v>
      </c>
      <c r="R53" s="39">
        <v>2881</v>
      </c>
      <c r="S53" s="52">
        <v>2882</v>
      </c>
      <c r="T53" s="52">
        <v>47</v>
      </c>
      <c r="U53" s="39">
        <v>2929</v>
      </c>
      <c r="V53" s="52">
        <v>2556</v>
      </c>
      <c r="W53" s="52">
        <v>91</v>
      </c>
      <c r="X53" s="39">
        <v>2647</v>
      </c>
      <c r="Y53" s="52">
        <v>2728</v>
      </c>
      <c r="Z53" s="52">
        <v>109</v>
      </c>
      <c r="AA53" s="39">
        <v>2837</v>
      </c>
      <c r="AB53" s="52">
        <v>3064</v>
      </c>
      <c r="AC53" s="52">
        <v>91</v>
      </c>
      <c r="AD53" s="39">
        <v>3155</v>
      </c>
      <c r="AE53" s="52">
        <v>3463</v>
      </c>
      <c r="AF53" s="52">
        <v>75</v>
      </c>
      <c r="AG53" s="39">
        <v>3538</v>
      </c>
      <c r="AH53" s="52">
        <v>4433</v>
      </c>
      <c r="AI53" s="52">
        <v>56</v>
      </c>
      <c r="AJ53" s="39">
        <v>4489</v>
      </c>
      <c r="AK53" s="52">
        <v>5408</v>
      </c>
      <c r="AL53" s="52">
        <v>51</v>
      </c>
      <c r="AM53" s="39">
        <v>5459</v>
      </c>
      <c r="AN53" s="52">
        <v>4573</v>
      </c>
      <c r="AO53" s="52">
        <v>35</v>
      </c>
      <c r="AP53" s="39">
        <v>4608</v>
      </c>
      <c r="AQ53" s="52">
        <v>3280</v>
      </c>
      <c r="AR53" s="52">
        <v>37</v>
      </c>
      <c r="AS53" s="39">
        <v>3317</v>
      </c>
      <c r="AT53" s="52">
        <v>2876</v>
      </c>
      <c r="AU53" s="52">
        <v>20</v>
      </c>
      <c r="AV53" s="39">
        <v>2896</v>
      </c>
      <c r="AW53" s="52">
        <v>3494</v>
      </c>
      <c r="AX53" s="52">
        <v>9</v>
      </c>
      <c r="AY53" s="39">
        <v>3503</v>
      </c>
      <c r="AZ53" s="52">
        <v>3675</v>
      </c>
      <c r="BA53" s="52">
        <v>8</v>
      </c>
      <c r="BB53" s="39">
        <v>3683</v>
      </c>
      <c r="BC53" s="52">
        <v>3384</v>
      </c>
      <c r="BD53" s="52">
        <v>9</v>
      </c>
      <c r="BE53" s="39">
        <v>3393</v>
      </c>
      <c r="BF53" s="52">
        <v>2064</v>
      </c>
      <c r="BG53" s="52">
        <v>5</v>
      </c>
      <c r="BH53" s="39">
        <v>2069</v>
      </c>
      <c r="BI53" s="52">
        <v>644</v>
      </c>
      <c r="BJ53" s="52">
        <v>0</v>
      </c>
      <c r="BK53" s="39">
        <v>644</v>
      </c>
      <c r="BL53" s="52">
        <v>113</v>
      </c>
      <c r="BM53" s="52">
        <v>0</v>
      </c>
      <c r="BN53" s="39">
        <v>113</v>
      </c>
      <c r="BO53" s="52">
        <v>13</v>
      </c>
      <c r="BP53" s="52">
        <v>0</v>
      </c>
      <c r="BQ53" s="41">
        <v>13</v>
      </c>
      <c r="BT53" s="66"/>
    </row>
    <row r="54" spans="1:72" x14ac:dyDescent="0.15">
      <c r="A54" s="53" t="s">
        <v>48</v>
      </c>
      <c r="B54" s="26" t="s">
        <v>31</v>
      </c>
      <c r="C54" s="68"/>
      <c r="D54" s="42">
        <v>61502</v>
      </c>
      <c r="E54" s="40">
        <v>847</v>
      </c>
      <c r="F54" s="43">
        <v>62349</v>
      </c>
      <c r="G54" s="52">
        <v>1882</v>
      </c>
      <c r="H54" s="52">
        <v>31</v>
      </c>
      <c r="I54" s="43">
        <v>1913</v>
      </c>
      <c r="J54" s="52">
        <v>2010</v>
      </c>
      <c r="K54" s="52">
        <v>34</v>
      </c>
      <c r="L54" s="43">
        <v>2044</v>
      </c>
      <c r="M54" s="52">
        <v>2411</v>
      </c>
      <c r="N54" s="52">
        <v>22</v>
      </c>
      <c r="O54" s="43">
        <v>2433</v>
      </c>
      <c r="P54" s="52">
        <v>2654</v>
      </c>
      <c r="Q54" s="52">
        <v>23</v>
      </c>
      <c r="R54" s="43">
        <v>2677</v>
      </c>
      <c r="S54" s="52">
        <v>2878</v>
      </c>
      <c r="T54" s="52">
        <v>50</v>
      </c>
      <c r="U54" s="43">
        <v>2928</v>
      </c>
      <c r="V54" s="52">
        <v>2702</v>
      </c>
      <c r="W54" s="52">
        <v>94</v>
      </c>
      <c r="X54" s="43">
        <v>2796</v>
      </c>
      <c r="Y54" s="52">
        <v>2704</v>
      </c>
      <c r="Z54" s="52">
        <v>91</v>
      </c>
      <c r="AA54" s="43">
        <v>2795</v>
      </c>
      <c r="AB54" s="52">
        <v>2904</v>
      </c>
      <c r="AC54" s="52">
        <v>70</v>
      </c>
      <c r="AD54" s="43">
        <v>2974</v>
      </c>
      <c r="AE54" s="52">
        <v>3395</v>
      </c>
      <c r="AF54" s="52">
        <v>73</v>
      </c>
      <c r="AG54" s="43">
        <v>3468</v>
      </c>
      <c r="AH54" s="52">
        <v>4366</v>
      </c>
      <c r="AI54" s="52">
        <v>78</v>
      </c>
      <c r="AJ54" s="43">
        <v>4444</v>
      </c>
      <c r="AK54" s="52">
        <v>5222</v>
      </c>
      <c r="AL54" s="52">
        <v>86</v>
      </c>
      <c r="AM54" s="43">
        <v>5308</v>
      </c>
      <c r="AN54" s="52">
        <v>4184</v>
      </c>
      <c r="AO54" s="52">
        <v>79</v>
      </c>
      <c r="AP54" s="43">
        <v>4263</v>
      </c>
      <c r="AQ54" s="52">
        <v>3296</v>
      </c>
      <c r="AR54" s="52">
        <v>35</v>
      </c>
      <c r="AS54" s="43">
        <v>3331</v>
      </c>
      <c r="AT54" s="52">
        <v>3091</v>
      </c>
      <c r="AU54" s="52">
        <v>29</v>
      </c>
      <c r="AV54" s="43">
        <v>3120</v>
      </c>
      <c r="AW54" s="52">
        <v>4416</v>
      </c>
      <c r="AX54" s="52">
        <v>19</v>
      </c>
      <c r="AY54" s="43">
        <v>4435</v>
      </c>
      <c r="AZ54" s="52">
        <v>4966</v>
      </c>
      <c r="BA54" s="52">
        <v>16</v>
      </c>
      <c r="BB54" s="43">
        <v>4982</v>
      </c>
      <c r="BC54" s="52">
        <v>4351</v>
      </c>
      <c r="BD54" s="52">
        <v>9</v>
      </c>
      <c r="BE54" s="43">
        <v>4360</v>
      </c>
      <c r="BF54" s="52">
        <v>2467</v>
      </c>
      <c r="BG54" s="52">
        <v>7</v>
      </c>
      <c r="BH54" s="43">
        <v>2474</v>
      </c>
      <c r="BI54" s="52">
        <v>1158</v>
      </c>
      <c r="BJ54" s="52">
        <v>1</v>
      </c>
      <c r="BK54" s="43">
        <v>1159</v>
      </c>
      <c r="BL54" s="52">
        <v>382</v>
      </c>
      <c r="BM54" s="52">
        <v>0</v>
      </c>
      <c r="BN54" s="43">
        <v>382</v>
      </c>
      <c r="BO54" s="52">
        <v>63</v>
      </c>
      <c r="BP54" s="52">
        <v>0</v>
      </c>
      <c r="BQ54" s="44">
        <v>63</v>
      </c>
      <c r="BT54" s="66"/>
    </row>
    <row r="55" spans="1:72" ht="15" thickBot="1" x14ac:dyDescent="0.2">
      <c r="A55" s="54"/>
      <c r="B55" s="32" t="s">
        <v>32</v>
      </c>
      <c r="C55" s="69"/>
      <c r="D55" s="46">
        <v>119655</v>
      </c>
      <c r="E55" s="47">
        <v>1584</v>
      </c>
      <c r="F55" s="48">
        <v>121239</v>
      </c>
      <c r="G55" s="49">
        <v>3817</v>
      </c>
      <c r="H55" s="48">
        <v>61</v>
      </c>
      <c r="I55" s="48">
        <v>3878</v>
      </c>
      <c r="J55" s="49">
        <v>4209</v>
      </c>
      <c r="K55" s="48">
        <v>56</v>
      </c>
      <c r="L55" s="48">
        <v>4265</v>
      </c>
      <c r="M55" s="49">
        <v>4920</v>
      </c>
      <c r="N55" s="48">
        <v>43</v>
      </c>
      <c r="O55" s="48">
        <v>4963</v>
      </c>
      <c r="P55" s="49">
        <v>5514</v>
      </c>
      <c r="Q55" s="48">
        <v>44</v>
      </c>
      <c r="R55" s="48">
        <v>5558</v>
      </c>
      <c r="S55" s="49">
        <v>5760</v>
      </c>
      <c r="T55" s="48">
        <v>97</v>
      </c>
      <c r="U55" s="48">
        <v>5857</v>
      </c>
      <c r="V55" s="49">
        <v>5258</v>
      </c>
      <c r="W55" s="48">
        <v>185</v>
      </c>
      <c r="X55" s="48">
        <v>5443</v>
      </c>
      <c r="Y55" s="49">
        <v>5432</v>
      </c>
      <c r="Z55" s="48">
        <v>200</v>
      </c>
      <c r="AA55" s="48">
        <v>5632</v>
      </c>
      <c r="AB55" s="49">
        <v>5968</v>
      </c>
      <c r="AC55" s="48">
        <v>161</v>
      </c>
      <c r="AD55" s="48">
        <v>6129</v>
      </c>
      <c r="AE55" s="49">
        <v>6858</v>
      </c>
      <c r="AF55" s="48">
        <v>148</v>
      </c>
      <c r="AG55" s="48">
        <v>7006</v>
      </c>
      <c r="AH55" s="49">
        <v>8799</v>
      </c>
      <c r="AI55" s="48">
        <v>134</v>
      </c>
      <c r="AJ55" s="48">
        <v>8933</v>
      </c>
      <c r="AK55" s="49">
        <v>10630</v>
      </c>
      <c r="AL55" s="48">
        <v>137</v>
      </c>
      <c r="AM55" s="48">
        <v>10767</v>
      </c>
      <c r="AN55" s="49">
        <v>8757</v>
      </c>
      <c r="AO55" s="48">
        <v>114</v>
      </c>
      <c r="AP55" s="48">
        <v>8871</v>
      </c>
      <c r="AQ55" s="49">
        <v>6576</v>
      </c>
      <c r="AR55" s="48">
        <v>72</v>
      </c>
      <c r="AS55" s="48">
        <v>6648</v>
      </c>
      <c r="AT55" s="49">
        <v>5967</v>
      </c>
      <c r="AU55" s="48">
        <v>49</v>
      </c>
      <c r="AV55" s="48">
        <v>6016</v>
      </c>
      <c r="AW55" s="49">
        <v>7910</v>
      </c>
      <c r="AX55" s="48">
        <v>28</v>
      </c>
      <c r="AY55" s="48">
        <v>7938</v>
      </c>
      <c r="AZ55" s="49">
        <v>8641</v>
      </c>
      <c r="BA55" s="48">
        <v>24</v>
      </c>
      <c r="BB55" s="48">
        <v>8665</v>
      </c>
      <c r="BC55" s="49">
        <v>7735</v>
      </c>
      <c r="BD55" s="48">
        <v>18</v>
      </c>
      <c r="BE55" s="48">
        <v>7753</v>
      </c>
      <c r="BF55" s="49">
        <v>4531</v>
      </c>
      <c r="BG55" s="48">
        <v>12</v>
      </c>
      <c r="BH55" s="48">
        <v>4543</v>
      </c>
      <c r="BI55" s="49">
        <v>1802</v>
      </c>
      <c r="BJ55" s="48">
        <v>1</v>
      </c>
      <c r="BK55" s="48">
        <v>1803</v>
      </c>
      <c r="BL55" s="49">
        <v>495</v>
      </c>
      <c r="BM55" s="48">
        <v>0</v>
      </c>
      <c r="BN55" s="48">
        <v>495</v>
      </c>
      <c r="BO55" s="49">
        <v>76</v>
      </c>
      <c r="BP55" s="48">
        <v>0</v>
      </c>
      <c r="BQ55" s="50">
        <v>76</v>
      </c>
      <c r="BT55" s="66"/>
    </row>
    <row r="56" spans="1:72" x14ac:dyDescent="0.15">
      <c r="A56" s="53"/>
      <c r="B56" s="21" t="s">
        <v>29</v>
      </c>
      <c r="C56" s="67">
        <v>141160</v>
      </c>
      <c r="D56" s="37">
        <v>72662</v>
      </c>
      <c r="E56" s="38">
        <v>1278</v>
      </c>
      <c r="F56" s="39">
        <v>73940</v>
      </c>
      <c r="G56" s="52">
        <v>2455</v>
      </c>
      <c r="H56" s="52">
        <v>44</v>
      </c>
      <c r="I56" s="39">
        <v>2499</v>
      </c>
      <c r="J56" s="52">
        <v>2885</v>
      </c>
      <c r="K56" s="52">
        <v>49</v>
      </c>
      <c r="L56" s="39">
        <v>2934</v>
      </c>
      <c r="M56" s="52">
        <v>3148</v>
      </c>
      <c r="N56" s="52">
        <v>35</v>
      </c>
      <c r="O56" s="39">
        <v>3183</v>
      </c>
      <c r="P56" s="52">
        <v>3609</v>
      </c>
      <c r="Q56" s="52">
        <v>50</v>
      </c>
      <c r="R56" s="39">
        <v>3659</v>
      </c>
      <c r="S56" s="52">
        <v>3509</v>
      </c>
      <c r="T56" s="52">
        <v>129</v>
      </c>
      <c r="U56" s="39">
        <v>3638</v>
      </c>
      <c r="V56" s="52">
        <v>3541</v>
      </c>
      <c r="W56" s="52">
        <v>180</v>
      </c>
      <c r="X56" s="39">
        <v>3721</v>
      </c>
      <c r="Y56" s="52">
        <v>3449</v>
      </c>
      <c r="Z56" s="52">
        <v>161</v>
      </c>
      <c r="AA56" s="39">
        <v>3610</v>
      </c>
      <c r="AB56" s="52">
        <v>3763</v>
      </c>
      <c r="AC56" s="52">
        <v>119</v>
      </c>
      <c r="AD56" s="39">
        <v>3882</v>
      </c>
      <c r="AE56" s="52">
        <v>4374</v>
      </c>
      <c r="AF56" s="52">
        <v>86</v>
      </c>
      <c r="AG56" s="39">
        <v>4460</v>
      </c>
      <c r="AH56" s="52">
        <v>5473</v>
      </c>
      <c r="AI56" s="52">
        <v>77</v>
      </c>
      <c r="AJ56" s="39">
        <v>5550</v>
      </c>
      <c r="AK56" s="52">
        <v>6536</v>
      </c>
      <c r="AL56" s="52">
        <v>81</v>
      </c>
      <c r="AM56" s="39">
        <v>6617</v>
      </c>
      <c r="AN56" s="52">
        <v>5984</v>
      </c>
      <c r="AO56" s="52">
        <v>75</v>
      </c>
      <c r="AP56" s="39">
        <v>6059</v>
      </c>
      <c r="AQ56" s="52">
        <v>4553</v>
      </c>
      <c r="AR56" s="52">
        <v>66</v>
      </c>
      <c r="AS56" s="39">
        <v>4619</v>
      </c>
      <c r="AT56" s="52">
        <v>3970</v>
      </c>
      <c r="AU56" s="52">
        <v>57</v>
      </c>
      <c r="AV56" s="39">
        <v>4027</v>
      </c>
      <c r="AW56" s="52">
        <v>4679</v>
      </c>
      <c r="AX56" s="52">
        <v>36</v>
      </c>
      <c r="AY56" s="39">
        <v>4715</v>
      </c>
      <c r="AZ56" s="52">
        <v>4323</v>
      </c>
      <c r="BA56" s="52">
        <v>13</v>
      </c>
      <c r="BB56" s="39">
        <v>4336</v>
      </c>
      <c r="BC56" s="52">
        <v>3482</v>
      </c>
      <c r="BD56" s="52">
        <v>18</v>
      </c>
      <c r="BE56" s="39">
        <v>3500</v>
      </c>
      <c r="BF56" s="52">
        <v>2073</v>
      </c>
      <c r="BG56" s="52">
        <v>1</v>
      </c>
      <c r="BH56" s="39">
        <v>2074</v>
      </c>
      <c r="BI56" s="52">
        <v>714</v>
      </c>
      <c r="BJ56" s="52">
        <v>1</v>
      </c>
      <c r="BK56" s="39">
        <v>715</v>
      </c>
      <c r="BL56" s="52">
        <v>132</v>
      </c>
      <c r="BM56" s="52">
        <v>0</v>
      </c>
      <c r="BN56" s="39">
        <v>132</v>
      </c>
      <c r="BO56" s="52">
        <v>10</v>
      </c>
      <c r="BP56" s="52">
        <v>0</v>
      </c>
      <c r="BQ56" s="41">
        <v>10</v>
      </c>
      <c r="BT56" s="66"/>
    </row>
    <row r="57" spans="1:72" x14ac:dyDescent="0.15">
      <c r="A57" s="53" t="s">
        <v>49</v>
      </c>
      <c r="B57" s="26" t="s">
        <v>31</v>
      </c>
      <c r="C57" s="68"/>
      <c r="D57" s="42">
        <v>76039</v>
      </c>
      <c r="E57" s="40">
        <v>1307</v>
      </c>
      <c r="F57" s="43">
        <v>77346</v>
      </c>
      <c r="G57" s="52">
        <v>2440</v>
      </c>
      <c r="H57" s="52">
        <v>39</v>
      </c>
      <c r="I57" s="43">
        <v>2479</v>
      </c>
      <c r="J57" s="52">
        <v>2725</v>
      </c>
      <c r="K57" s="52">
        <v>38</v>
      </c>
      <c r="L57" s="43">
        <v>2763</v>
      </c>
      <c r="M57" s="52">
        <v>3054</v>
      </c>
      <c r="N57" s="52">
        <v>36</v>
      </c>
      <c r="O57" s="43">
        <v>3090</v>
      </c>
      <c r="P57" s="52">
        <v>3293</v>
      </c>
      <c r="Q57" s="52">
        <v>51</v>
      </c>
      <c r="R57" s="43">
        <v>3344</v>
      </c>
      <c r="S57" s="52">
        <v>3583</v>
      </c>
      <c r="T57" s="52">
        <v>78</v>
      </c>
      <c r="U57" s="43">
        <v>3661</v>
      </c>
      <c r="V57" s="52">
        <v>3687</v>
      </c>
      <c r="W57" s="52">
        <v>103</v>
      </c>
      <c r="X57" s="43">
        <v>3790</v>
      </c>
      <c r="Y57" s="52">
        <v>3376</v>
      </c>
      <c r="Z57" s="52">
        <v>107</v>
      </c>
      <c r="AA57" s="43">
        <v>3483</v>
      </c>
      <c r="AB57" s="52">
        <v>3742</v>
      </c>
      <c r="AC57" s="52">
        <v>113</v>
      </c>
      <c r="AD57" s="43">
        <v>3855</v>
      </c>
      <c r="AE57" s="52">
        <v>4143</v>
      </c>
      <c r="AF57" s="52">
        <v>127</v>
      </c>
      <c r="AG57" s="43">
        <v>4270</v>
      </c>
      <c r="AH57" s="52">
        <v>5223</v>
      </c>
      <c r="AI57" s="52">
        <v>130</v>
      </c>
      <c r="AJ57" s="43">
        <v>5353</v>
      </c>
      <c r="AK57" s="52">
        <v>6436</v>
      </c>
      <c r="AL57" s="52">
        <v>129</v>
      </c>
      <c r="AM57" s="43">
        <v>6565</v>
      </c>
      <c r="AN57" s="52">
        <v>5570</v>
      </c>
      <c r="AO57" s="52">
        <v>121</v>
      </c>
      <c r="AP57" s="43">
        <v>5691</v>
      </c>
      <c r="AQ57" s="52">
        <v>4413</v>
      </c>
      <c r="AR57" s="52">
        <v>92</v>
      </c>
      <c r="AS57" s="43">
        <v>4505</v>
      </c>
      <c r="AT57" s="52">
        <v>4069</v>
      </c>
      <c r="AU57" s="52">
        <v>50</v>
      </c>
      <c r="AV57" s="43">
        <v>4119</v>
      </c>
      <c r="AW57" s="52">
        <v>5151</v>
      </c>
      <c r="AX57" s="52">
        <v>51</v>
      </c>
      <c r="AY57" s="43">
        <v>5202</v>
      </c>
      <c r="AZ57" s="52">
        <v>5206</v>
      </c>
      <c r="BA57" s="52">
        <v>20</v>
      </c>
      <c r="BB57" s="43">
        <v>5226</v>
      </c>
      <c r="BC57" s="52">
        <v>4813</v>
      </c>
      <c r="BD57" s="52">
        <v>11</v>
      </c>
      <c r="BE57" s="43">
        <v>4824</v>
      </c>
      <c r="BF57" s="52">
        <v>3088</v>
      </c>
      <c r="BG57" s="52">
        <v>8</v>
      </c>
      <c r="BH57" s="43">
        <v>3096</v>
      </c>
      <c r="BI57" s="52">
        <v>1533</v>
      </c>
      <c r="BJ57" s="52">
        <v>2</v>
      </c>
      <c r="BK57" s="43">
        <v>1535</v>
      </c>
      <c r="BL57" s="52">
        <v>415</v>
      </c>
      <c r="BM57" s="52">
        <v>0</v>
      </c>
      <c r="BN57" s="43">
        <v>415</v>
      </c>
      <c r="BO57" s="52">
        <v>79</v>
      </c>
      <c r="BP57" s="52">
        <v>1</v>
      </c>
      <c r="BQ57" s="44">
        <v>80</v>
      </c>
      <c r="BT57" s="66"/>
    </row>
    <row r="58" spans="1:72" ht="15" thickBot="1" x14ac:dyDescent="0.2">
      <c r="A58" s="54"/>
      <c r="B58" s="55" t="s">
        <v>32</v>
      </c>
      <c r="C58" s="70"/>
      <c r="D58" s="46">
        <v>148701</v>
      </c>
      <c r="E58" s="47">
        <v>2585</v>
      </c>
      <c r="F58" s="48">
        <v>151286</v>
      </c>
      <c r="G58" s="49">
        <v>4895</v>
      </c>
      <c r="H58" s="48">
        <v>83</v>
      </c>
      <c r="I58" s="48">
        <v>4978</v>
      </c>
      <c r="J58" s="49">
        <v>5610</v>
      </c>
      <c r="K58" s="48">
        <v>87</v>
      </c>
      <c r="L58" s="48">
        <v>5697</v>
      </c>
      <c r="M58" s="49">
        <v>6202</v>
      </c>
      <c r="N58" s="48">
        <v>71</v>
      </c>
      <c r="O58" s="48">
        <v>6273</v>
      </c>
      <c r="P58" s="49">
        <v>6902</v>
      </c>
      <c r="Q58" s="48">
        <v>101</v>
      </c>
      <c r="R58" s="48">
        <v>7003</v>
      </c>
      <c r="S58" s="49">
        <v>7092</v>
      </c>
      <c r="T58" s="48">
        <v>207</v>
      </c>
      <c r="U58" s="48">
        <v>7299</v>
      </c>
      <c r="V58" s="49">
        <v>7228</v>
      </c>
      <c r="W58" s="48">
        <v>283</v>
      </c>
      <c r="X58" s="48">
        <v>7511</v>
      </c>
      <c r="Y58" s="49">
        <v>6825</v>
      </c>
      <c r="Z58" s="48">
        <v>268</v>
      </c>
      <c r="AA58" s="48">
        <v>7093</v>
      </c>
      <c r="AB58" s="49">
        <v>7505</v>
      </c>
      <c r="AC58" s="48">
        <v>232</v>
      </c>
      <c r="AD58" s="48">
        <v>7737</v>
      </c>
      <c r="AE58" s="49">
        <v>8517</v>
      </c>
      <c r="AF58" s="48">
        <v>213</v>
      </c>
      <c r="AG58" s="48">
        <v>8730</v>
      </c>
      <c r="AH58" s="49">
        <v>10696</v>
      </c>
      <c r="AI58" s="48">
        <v>207</v>
      </c>
      <c r="AJ58" s="48">
        <v>10903</v>
      </c>
      <c r="AK58" s="49">
        <v>12972</v>
      </c>
      <c r="AL58" s="48">
        <v>210</v>
      </c>
      <c r="AM58" s="48">
        <v>13182</v>
      </c>
      <c r="AN58" s="49">
        <v>11554</v>
      </c>
      <c r="AO58" s="48">
        <v>196</v>
      </c>
      <c r="AP58" s="48">
        <v>11750</v>
      </c>
      <c r="AQ58" s="49">
        <v>8966</v>
      </c>
      <c r="AR58" s="48">
        <v>158</v>
      </c>
      <c r="AS58" s="48">
        <v>9124</v>
      </c>
      <c r="AT58" s="49">
        <v>8039</v>
      </c>
      <c r="AU58" s="48">
        <v>107</v>
      </c>
      <c r="AV58" s="48">
        <v>8146</v>
      </c>
      <c r="AW58" s="49">
        <v>9830</v>
      </c>
      <c r="AX58" s="48">
        <v>87</v>
      </c>
      <c r="AY58" s="48">
        <v>9917</v>
      </c>
      <c r="AZ58" s="49">
        <v>9529</v>
      </c>
      <c r="BA58" s="48">
        <v>33</v>
      </c>
      <c r="BB58" s="48">
        <v>9562</v>
      </c>
      <c r="BC58" s="49">
        <v>8295</v>
      </c>
      <c r="BD58" s="48">
        <v>29</v>
      </c>
      <c r="BE58" s="48">
        <v>8324</v>
      </c>
      <c r="BF58" s="49">
        <v>5161</v>
      </c>
      <c r="BG58" s="48">
        <v>9</v>
      </c>
      <c r="BH58" s="48">
        <v>5170</v>
      </c>
      <c r="BI58" s="49">
        <v>2247</v>
      </c>
      <c r="BJ58" s="48">
        <v>3</v>
      </c>
      <c r="BK58" s="48">
        <v>2250</v>
      </c>
      <c r="BL58" s="49">
        <v>547</v>
      </c>
      <c r="BM58" s="48">
        <v>0</v>
      </c>
      <c r="BN58" s="48">
        <v>547</v>
      </c>
      <c r="BO58" s="49">
        <v>89</v>
      </c>
      <c r="BP58" s="48">
        <v>1</v>
      </c>
      <c r="BQ58" s="50">
        <v>90</v>
      </c>
      <c r="BT58" s="66"/>
    </row>
    <row r="59" spans="1:72" x14ac:dyDescent="0.15">
      <c r="A59" s="53"/>
      <c r="B59" s="56" t="s">
        <v>29</v>
      </c>
      <c r="C59" s="74">
        <v>141178</v>
      </c>
      <c r="D59" s="37">
        <v>146087</v>
      </c>
      <c r="E59" s="38">
        <v>2765</v>
      </c>
      <c r="F59" s="39">
        <v>148852</v>
      </c>
      <c r="G59" s="52">
        <v>5177</v>
      </c>
      <c r="H59" s="52">
        <v>104</v>
      </c>
      <c r="I59" s="39">
        <v>5281</v>
      </c>
      <c r="J59" s="52">
        <v>6591</v>
      </c>
      <c r="K59" s="52">
        <v>87</v>
      </c>
      <c r="L59" s="39">
        <v>6678</v>
      </c>
      <c r="M59" s="52">
        <v>7245</v>
      </c>
      <c r="N59" s="52">
        <v>57</v>
      </c>
      <c r="O59" s="39">
        <v>7302</v>
      </c>
      <c r="P59" s="52">
        <v>7654</v>
      </c>
      <c r="Q59" s="52">
        <v>79</v>
      </c>
      <c r="R59" s="39">
        <v>7733</v>
      </c>
      <c r="S59" s="52">
        <v>8689</v>
      </c>
      <c r="T59" s="52">
        <v>308</v>
      </c>
      <c r="U59" s="39">
        <v>8997</v>
      </c>
      <c r="V59" s="52">
        <v>7279</v>
      </c>
      <c r="W59" s="52">
        <v>448</v>
      </c>
      <c r="X59" s="39">
        <v>7727</v>
      </c>
      <c r="Y59" s="52">
        <v>6697</v>
      </c>
      <c r="Z59" s="52">
        <v>470</v>
      </c>
      <c r="AA59" s="39">
        <v>7167</v>
      </c>
      <c r="AB59" s="52">
        <v>7787</v>
      </c>
      <c r="AC59" s="52">
        <v>372</v>
      </c>
      <c r="AD59" s="39">
        <v>8159</v>
      </c>
      <c r="AE59" s="52">
        <v>9250</v>
      </c>
      <c r="AF59" s="52">
        <v>241</v>
      </c>
      <c r="AG59" s="39">
        <v>9491</v>
      </c>
      <c r="AH59" s="52">
        <v>11154</v>
      </c>
      <c r="AI59" s="52">
        <v>163</v>
      </c>
      <c r="AJ59" s="39">
        <v>11317</v>
      </c>
      <c r="AK59" s="52">
        <v>12990</v>
      </c>
      <c r="AL59" s="52">
        <v>148</v>
      </c>
      <c r="AM59" s="39">
        <v>13138</v>
      </c>
      <c r="AN59" s="52">
        <v>13362</v>
      </c>
      <c r="AO59" s="52">
        <v>104</v>
      </c>
      <c r="AP59" s="39">
        <v>13466</v>
      </c>
      <c r="AQ59" s="52">
        <v>10639</v>
      </c>
      <c r="AR59" s="52">
        <v>67</v>
      </c>
      <c r="AS59" s="39">
        <v>10706</v>
      </c>
      <c r="AT59" s="52">
        <v>7762</v>
      </c>
      <c r="AU59" s="52">
        <v>57</v>
      </c>
      <c r="AV59" s="39">
        <v>7819</v>
      </c>
      <c r="AW59" s="52">
        <v>7567</v>
      </c>
      <c r="AX59" s="52">
        <v>33</v>
      </c>
      <c r="AY59" s="39">
        <v>7600</v>
      </c>
      <c r="AZ59" s="52">
        <v>6945</v>
      </c>
      <c r="BA59" s="52">
        <v>10</v>
      </c>
      <c r="BB59" s="39">
        <v>6955</v>
      </c>
      <c r="BC59" s="52">
        <v>5044</v>
      </c>
      <c r="BD59" s="52">
        <v>12</v>
      </c>
      <c r="BE59" s="39">
        <v>5056</v>
      </c>
      <c r="BF59" s="52">
        <v>2891</v>
      </c>
      <c r="BG59" s="52">
        <v>2</v>
      </c>
      <c r="BH59" s="39">
        <v>2893</v>
      </c>
      <c r="BI59" s="52">
        <v>1131</v>
      </c>
      <c r="BJ59" s="52">
        <v>1</v>
      </c>
      <c r="BK59" s="39">
        <v>1132</v>
      </c>
      <c r="BL59" s="52">
        <v>217</v>
      </c>
      <c r="BM59" s="52">
        <v>2</v>
      </c>
      <c r="BN59" s="39">
        <v>219</v>
      </c>
      <c r="BO59" s="52">
        <v>16</v>
      </c>
      <c r="BP59" s="52">
        <v>0</v>
      </c>
      <c r="BQ59" s="41">
        <v>16</v>
      </c>
      <c r="BT59" s="66"/>
    </row>
    <row r="60" spans="1:72" x14ac:dyDescent="0.15">
      <c r="A60" s="53" t="s">
        <v>50</v>
      </c>
      <c r="B60" s="26" t="s">
        <v>31</v>
      </c>
      <c r="C60" s="75"/>
      <c r="D60" s="42">
        <v>156692</v>
      </c>
      <c r="E60" s="40">
        <v>2607</v>
      </c>
      <c r="F60" s="43">
        <v>159299</v>
      </c>
      <c r="G60" s="52">
        <v>4852</v>
      </c>
      <c r="H60" s="52">
        <v>96</v>
      </c>
      <c r="I60" s="43">
        <v>4948</v>
      </c>
      <c r="J60" s="52">
        <v>6215</v>
      </c>
      <c r="K60" s="52">
        <v>81</v>
      </c>
      <c r="L60" s="43">
        <v>6296</v>
      </c>
      <c r="M60" s="52">
        <v>6973</v>
      </c>
      <c r="N60" s="52">
        <v>51</v>
      </c>
      <c r="O60" s="43">
        <v>7024</v>
      </c>
      <c r="P60" s="52">
        <v>7316</v>
      </c>
      <c r="Q60" s="52">
        <v>54</v>
      </c>
      <c r="R60" s="43">
        <v>7370</v>
      </c>
      <c r="S60" s="52">
        <v>8702</v>
      </c>
      <c r="T60" s="52">
        <v>278</v>
      </c>
      <c r="U60" s="43">
        <v>8980</v>
      </c>
      <c r="V60" s="52">
        <v>8122</v>
      </c>
      <c r="W60" s="52">
        <v>393</v>
      </c>
      <c r="X60" s="43">
        <v>8515</v>
      </c>
      <c r="Y60" s="52">
        <v>7214</v>
      </c>
      <c r="Z60" s="52">
        <v>376</v>
      </c>
      <c r="AA60" s="43">
        <v>7590</v>
      </c>
      <c r="AB60" s="52">
        <v>8305</v>
      </c>
      <c r="AC60" s="52">
        <v>300</v>
      </c>
      <c r="AD60" s="43">
        <v>8605</v>
      </c>
      <c r="AE60" s="52">
        <v>9762</v>
      </c>
      <c r="AF60" s="52">
        <v>241</v>
      </c>
      <c r="AG60" s="43">
        <v>10003</v>
      </c>
      <c r="AH60" s="52">
        <v>11882</v>
      </c>
      <c r="AI60" s="52">
        <v>185</v>
      </c>
      <c r="AJ60" s="43">
        <v>12067</v>
      </c>
      <c r="AK60" s="52">
        <v>14492</v>
      </c>
      <c r="AL60" s="52">
        <v>165</v>
      </c>
      <c r="AM60" s="43">
        <v>14657</v>
      </c>
      <c r="AN60" s="52">
        <v>13447</v>
      </c>
      <c r="AO60" s="52">
        <v>144</v>
      </c>
      <c r="AP60" s="43">
        <v>13591</v>
      </c>
      <c r="AQ60" s="52">
        <v>10150</v>
      </c>
      <c r="AR60" s="52">
        <v>97</v>
      </c>
      <c r="AS60" s="43">
        <v>10247</v>
      </c>
      <c r="AT60" s="52">
        <v>8053</v>
      </c>
      <c r="AU60" s="52">
        <v>61</v>
      </c>
      <c r="AV60" s="43">
        <v>8114</v>
      </c>
      <c r="AW60" s="52">
        <v>8730</v>
      </c>
      <c r="AX60" s="52">
        <v>36</v>
      </c>
      <c r="AY60" s="43">
        <v>8766</v>
      </c>
      <c r="AZ60" s="52">
        <v>8233</v>
      </c>
      <c r="BA60" s="52">
        <v>17</v>
      </c>
      <c r="BB60" s="43">
        <v>8250</v>
      </c>
      <c r="BC60" s="52">
        <v>6422</v>
      </c>
      <c r="BD60" s="52">
        <v>15</v>
      </c>
      <c r="BE60" s="43">
        <v>6437</v>
      </c>
      <c r="BF60" s="52">
        <v>4350</v>
      </c>
      <c r="BG60" s="52">
        <v>8</v>
      </c>
      <c r="BH60" s="43">
        <v>4358</v>
      </c>
      <c r="BI60" s="52">
        <v>2421</v>
      </c>
      <c r="BJ60" s="52">
        <v>7</v>
      </c>
      <c r="BK60" s="43">
        <v>2428</v>
      </c>
      <c r="BL60" s="52">
        <v>904</v>
      </c>
      <c r="BM60" s="52">
        <v>1</v>
      </c>
      <c r="BN60" s="43">
        <v>905</v>
      </c>
      <c r="BO60" s="52">
        <v>147</v>
      </c>
      <c r="BP60" s="52">
        <v>1</v>
      </c>
      <c r="BQ60" s="44">
        <v>148</v>
      </c>
      <c r="BT60" s="66"/>
    </row>
    <row r="61" spans="1:72" ht="15" thickBot="1" x14ac:dyDescent="0.2">
      <c r="A61" s="54"/>
      <c r="B61" s="32" t="s">
        <v>32</v>
      </c>
      <c r="C61" s="76"/>
      <c r="D61" s="46">
        <v>302779</v>
      </c>
      <c r="E61" s="47">
        <v>5372</v>
      </c>
      <c r="F61" s="48">
        <v>308151</v>
      </c>
      <c r="G61" s="49">
        <v>10029</v>
      </c>
      <c r="H61" s="48">
        <v>200</v>
      </c>
      <c r="I61" s="48">
        <v>10229</v>
      </c>
      <c r="J61" s="49">
        <v>12806</v>
      </c>
      <c r="K61" s="48">
        <v>168</v>
      </c>
      <c r="L61" s="48">
        <v>12974</v>
      </c>
      <c r="M61" s="49">
        <v>14218</v>
      </c>
      <c r="N61" s="48">
        <v>108</v>
      </c>
      <c r="O61" s="48">
        <v>14326</v>
      </c>
      <c r="P61" s="49">
        <v>14970</v>
      </c>
      <c r="Q61" s="48">
        <v>133</v>
      </c>
      <c r="R61" s="48">
        <v>15103</v>
      </c>
      <c r="S61" s="49">
        <v>17391</v>
      </c>
      <c r="T61" s="48">
        <v>586</v>
      </c>
      <c r="U61" s="48">
        <v>17977</v>
      </c>
      <c r="V61" s="49">
        <v>15401</v>
      </c>
      <c r="W61" s="48">
        <v>841</v>
      </c>
      <c r="X61" s="48">
        <v>16242</v>
      </c>
      <c r="Y61" s="49">
        <v>13911</v>
      </c>
      <c r="Z61" s="48">
        <v>846</v>
      </c>
      <c r="AA61" s="48">
        <v>14757</v>
      </c>
      <c r="AB61" s="49">
        <v>16092</v>
      </c>
      <c r="AC61" s="48">
        <v>672</v>
      </c>
      <c r="AD61" s="48">
        <v>16764</v>
      </c>
      <c r="AE61" s="49">
        <v>19012</v>
      </c>
      <c r="AF61" s="48">
        <v>482</v>
      </c>
      <c r="AG61" s="48">
        <v>19494</v>
      </c>
      <c r="AH61" s="49">
        <v>23036</v>
      </c>
      <c r="AI61" s="48">
        <v>348</v>
      </c>
      <c r="AJ61" s="48">
        <v>23384</v>
      </c>
      <c r="AK61" s="49">
        <v>27482</v>
      </c>
      <c r="AL61" s="48">
        <v>313</v>
      </c>
      <c r="AM61" s="48">
        <v>27795</v>
      </c>
      <c r="AN61" s="49">
        <v>26809</v>
      </c>
      <c r="AO61" s="48">
        <v>248</v>
      </c>
      <c r="AP61" s="48">
        <v>27057</v>
      </c>
      <c r="AQ61" s="49">
        <v>20789</v>
      </c>
      <c r="AR61" s="48">
        <v>164</v>
      </c>
      <c r="AS61" s="48">
        <v>20953</v>
      </c>
      <c r="AT61" s="49">
        <v>15815</v>
      </c>
      <c r="AU61" s="48">
        <v>118</v>
      </c>
      <c r="AV61" s="48">
        <v>15933</v>
      </c>
      <c r="AW61" s="49">
        <v>16297</v>
      </c>
      <c r="AX61" s="48">
        <v>69</v>
      </c>
      <c r="AY61" s="48">
        <v>16366</v>
      </c>
      <c r="AZ61" s="49">
        <v>15178</v>
      </c>
      <c r="BA61" s="48">
        <v>27</v>
      </c>
      <c r="BB61" s="48">
        <v>15205</v>
      </c>
      <c r="BC61" s="49">
        <v>11466</v>
      </c>
      <c r="BD61" s="48">
        <v>27</v>
      </c>
      <c r="BE61" s="48">
        <v>11493</v>
      </c>
      <c r="BF61" s="49">
        <v>7241</v>
      </c>
      <c r="BG61" s="48">
        <v>10</v>
      </c>
      <c r="BH61" s="48">
        <v>7251</v>
      </c>
      <c r="BI61" s="49">
        <v>3552</v>
      </c>
      <c r="BJ61" s="48">
        <v>8</v>
      </c>
      <c r="BK61" s="48">
        <v>3560</v>
      </c>
      <c r="BL61" s="49">
        <v>1121</v>
      </c>
      <c r="BM61" s="48">
        <v>3</v>
      </c>
      <c r="BN61" s="48">
        <v>1124</v>
      </c>
      <c r="BO61" s="49">
        <v>163</v>
      </c>
      <c r="BP61" s="48">
        <v>1</v>
      </c>
      <c r="BQ61" s="50">
        <v>164</v>
      </c>
      <c r="BT61" s="66"/>
    </row>
    <row r="62" spans="1:72" x14ac:dyDescent="0.15">
      <c r="A62" s="53"/>
      <c r="B62" s="21" t="s">
        <v>29</v>
      </c>
      <c r="C62" s="67">
        <v>141186</v>
      </c>
      <c r="D62" s="37">
        <v>104429</v>
      </c>
      <c r="E62" s="38">
        <v>2170</v>
      </c>
      <c r="F62" s="39">
        <v>106599</v>
      </c>
      <c r="G62" s="52">
        <v>4087</v>
      </c>
      <c r="H62" s="52">
        <v>92</v>
      </c>
      <c r="I62" s="39">
        <v>4179</v>
      </c>
      <c r="J62" s="52">
        <v>5137</v>
      </c>
      <c r="K62" s="52">
        <v>77</v>
      </c>
      <c r="L62" s="39">
        <v>5214</v>
      </c>
      <c r="M62" s="52">
        <v>6053</v>
      </c>
      <c r="N62" s="52">
        <v>76</v>
      </c>
      <c r="O62" s="39">
        <v>6129</v>
      </c>
      <c r="P62" s="52">
        <v>6083</v>
      </c>
      <c r="Q62" s="52">
        <v>54</v>
      </c>
      <c r="R62" s="39">
        <v>6137</v>
      </c>
      <c r="S62" s="52">
        <v>6159</v>
      </c>
      <c r="T62" s="52">
        <v>172</v>
      </c>
      <c r="U62" s="39">
        <v>6331</v>
      </c>
      <c r="V62" s="52">
        <v>5460</v>
      </c>
      <c r="W62" s="52">
        <v>290</v>
      </c>
      <c r="X62" s="39">
        <v>5750</v>
      </c>
      <c r="Y62" s="52">
        <v>5290</v>
      </c>
      <c r="Z62" s="52">
        <v>341</v>
      </c>
      <c r="AA62" s="39">
        <v>5631</v>
      </c>
      <c r="AB62" s="52">
        <v>5895</v>
      </c>
      <c r="AC62" s="52">
        <v>301</v>
      </c>
      <c r="AD62" s="39">
        <v>6196</v>
      </c>
      <c r="AE62" s="52">
        <v>6997</v>
      </c>
      <c r="AF62" s="52">
        <v>211</v>
      </c>
      <c r="AG62" s="39">
        <v>7208</v>
      </c>
      <c r="AH62" s="52">
        <v>8564</v>
      </c>
      <c r="AI62" s="52">
        <v>158</v>
      </c>
      <c r="AJ62" s="39">
        <v>8722</v>
      </c>
      <c r="AK62" s="52">
        <v>10014</v>
      </c>
      <c r="AL62" s="52">
        <v>121</v>
      </c>
      <c r="AM62" s="39">
        <v>10135</v>
      </c>
      <c r="AN62" s="52">
        <v>9569</v>
      </c>
      <c r="AO62" s="52">
        <v>110</v>
      </c>
      <c r="AP62" s="39">
        <v>9679</v>
      </c>
      <c r="AQ62" s="52">
        <v>6943</v>
      </c>
      <c r="AR62" s="52">
        <v>83</v>
      </c>
      <c r="AS62" s="39">
        <v>7026</v>
      </c>
      <c r="AT62" s="52">
        <v>4756</v>
      </c>
      <c r="AU62" s="52">
        <v>35</v>
      </c>
      <c r="AV62" s="39">
        <v>4791</v>
      </c>
      <c r="AW62" s="52">
        <v>4547</v>
      </c>
      <c r="AX62" s="52">
        <v>19</v>
      </c>
      <c r="AY62" s="39">
        <v>4566</v>
      </c>
      <c r="AZ62" s="52">
        <v>3688</v>
      </c>
      <c r="BA62" s="52">
        <v>16</v>
      </c>
      <c r="BB62" s="39">
        <v>3704</v>
      </c>
      <c r="BC62" s="52">
        <v>2858</v>
      </c>
      <c r="BD62" s="52">
        <v>9</v>
      </c>
      <c r="BE62" s="39">
        <v>2867</v>
      </c>
      <c r="BF62" s="52">
        <v>1616</v>
      </c>
      <c r="BG62" s="52">
        <v>5</v>
      </c>
      <c r="BH62" s="39">
        <v>1621</v>
      </c>
      <c r="BI62" s="52">
        <v>580</v>
      </c>
      <c r="BJ62" s="52">
        <v>0</v>
      </c>
      <c r="BK62" s="39">
        <v>580</v>
      </c>
      <c r="BL62" s="52">
        <v>125</v>
      </c>
      <c r="BM62" s="52">
        <v>0</v>
      </c>
      <c r="BN62" s="39">
        <v>125</v>
      </c>
      <c r="BO62" s="52">
        <v>8</v>
      </c>
      <c r="BP62" s="52">
        <v>0</v>
      </c>
      <c r="BQ62" s="41">
        <v>8</v>
      </c>
      <c r="BT62" s="66"/>
    </row>
    <row r="63" spans="1:72" x14ac:dyDescent="0.15">
      <c r="A63" s="53" t="s">
        <v>51</v>
      </c>
      <c r="B63" s="26" t="s">
        <v>31</v>
      </c>
      <c r="C63" s="68"/>
      <c r="D63" s="42">
        <v>106724</v>
      </c>
      <c r="E63" s="40">
        <v>2015</v>
      </c>
      <c r="F63" s="43">
        <v>108739</v>
      </c>
      <c r="G63" s="52">
        <v>3885</v>
      </c>
      <c r="H63" s="52">
        <v>95</v>
      </c>
      <c r="I63" s="43">
        <v>3980</v>
      </c>
      <c r="J63" s="52">
        <v>5002</v>
      </c>
      <c r="K63" s="52">
        <v>100</v>
      </c>
      <c r="L63" s="43">
        <v>5102</v>
      </c>
      <c r="M63" s="52">
        <v>5541</v>
      </c>
      <c r="N63" s="52">
        <v>77</v>
      </c>
      <c r="O63" s="43">
        <v>5618</v>
      </c>
      <c r="P63" s="52">
        <v>5709</v>
      </c>
      <c r="Q63" s="52">
        <v>48</v>
      </c>
      <c r="R63" s="43">
        <v>5757</v>
      </c>
      <c r="S63" s="52">
        <v>6205</v>
      </c>
      <c r="T63" s="52">
        <v>118</v>
      </c>
      <c r="U63" s="43">
        <v>6323</v>
      </c>
      <c r="V63" s="52">
        <v>5419</v>
      </c>
      <c r="W63" s="52">
        <v>228</v>
      </c>
      <c r="X63" s="43">
        <v>5647</v>
      </c>
      <c r="Y63" s="52">
        <v>5321</v>
      </c>
      <c r="Z63" s="52">
        <v>260</v>
      </c>
      <c r="AA63" s="43">
        <v>5581</v>
      </c>
      <c r="AB63" s="52">
        <v>5969</v>
      </c>
      <c r="AC63" s="52">
        <v>244</v>
      </c>
      <c r="AD63" s="43">
        <v>6213</v>
      </c>
      <c r="AE63" s="52">
        <v>7202</v>
      </c>
      <c r="AF63" s="52">
        <v>210</v>
      </c>
      <c r="AG63" s="43">
        <v>7412</v>
      </c>
      <c r="AH63" s="52">
        <v>8727</v>
      </c>
      <c r="AI63" s="52">
        <v>166</v>
      </c>
      <c r="AJ63" s="43">
        <v>8893</v>
      </c>
      <c r="AK63" s="52">
        <v>10399</v>
      </c>
      <c r="AL63" s="52">
        <v>154</v>
      </c>
      <c r="AM63" s="43">
        <v>10553</v>
      </c>
      <c r="AN63" s="52">
        <v>9004</v>
      </c>
      <c r="AO63" s="52">
        <v>122</v>
      </c>
      <c r="AP63" s="43">
        <v>9126</v>
      </c>
      <c r="AQ63" s="52">
        <v>6200</v>
      </c>
      <c r="AR63" s="52">
        <v>79</v>
      </c>
      <c r="AS63" s="43">
        <v>6279</v>
      </c>
      <c r="AT63" s="52">
        <v>4544</v>
      </c>
      <c r="AU63" s="52">
        <v>34</v>
      </c>
      <c r="AV63" s="43">
        <v>4578</v>
      </c>
      <c r="AW63" s="52">
        <v>4720</v>
      </c>
      <c r="AX63" s="52">
        <v>27</v>
      </c>
      <c r="AY63" s="43">
        <v>4747</v>
      </c>
      <c r="AZ63" s="52">
        <v>4466</v>
      </c>
      <c r="BA63" s="52">
        <v>24</v>
      </c>
      <c r="BB63" s="43">
        <v>4490</v>
      </c>
      <c r="BC63" s="52">
        <v>3893</v>
      </c>
      <c r="BD63" s="52">
        <v>12</v>
      </c>
      <c r="BE63" s="43">
        <v>3905</v>
      </c>
      <c r="BF63" s="52">
        <v>2637</v>
      </c>
      <c r="BG63" s="52">
        <v>10</v>
      </c>
      <c r="BH63" s="43">
        <v>2647</v>
      </c>
      <c r="BI63" s="52">
        <v>1398</v>
      </c>
      <c r="BJ63" s="52">
        <v>5</v>
      </c>
      <c r="BK63" s="43">
        <v>1403</v>
      </c>
      <c r="BL63" s="52">
        <v>434</v>
      </c>
      <c r="BM63" s="52">
        <v>2</v>
      </c>
      <c r="BN63" s="43">
        <v>436</v>
      </c>
      <c r="BO63" s="52">
        <v>49</v>
      </c>
      <c r="BP63" s="52">
        <v>0</v>
      </c>
      <c r="BQ63" s="44">
        <v>49</v>
      </c>
      <c r="BT63" s="66"/>
    </row>
    <row r="64" spans="1:72" ht="15" thickBot="1" x14ac:dyDescent="0.2">
      <c r="A64" s="54"/>
      <c r="B64" s="32" t="s">
        <v>32</v>
      </c>
      <c r="C64" s="69"/>
      <c r="D64" s="46">
        <v>211153</v>
      </c>
      <c r="E64" s="47">
        <v>4185</v>
      </c>
      <c r="F64" s="48">
        <v>215338</v>
      </c>
      <c r="G64" s="49">
        <v>7972</v>
      </c>
      <c r="H64" s="48">
        <v>187</v>
      </c>
      <c r="I64" s="48">
        <v>8159</v>
      </c>
      <c r="J64" s="49">
        <v>10139</v>
      </c>
      <c r="K64" s="48">
        <v>177</v>
      </c>
      <c r="L64" s="48">
        <v>10316</v>
      </c>
      <c r="M64" s="49">
        <v>11594</v>
      </c>
      <c r="N64" s="48">
        <v>153</v>
      </c>
      <c r="O64" s="48">
        <v>11747</v>
      </c>
      <c r="P64" s="49">
        <v>11792</v>
      </c>
      <c r="Q64" s="48">
        <v>102</v>
      </c>
      <c r="R64" s="48">
        <v>11894</v>
      </c>
      <c r="S64" s="49">
        <v>12364</v>
      </c>
      <c r="T64" s="48">
        <v>290</v>
      </c>
      <c r="U64" s="48">
        <v>12654</v>
      </c>
      <c r="V64" s="49">
        <v>10879</v>
      </c>
      <c r="W64" s="48">
        <v>518</v>
      </c>
      <c r="X64" s="48">
        <v>11397</v>
      </c>
      <c r="Y64" s="49">
        <v>10611</v>
      </c>
      <c r="Z64" s="48">
        <v>601</v>
      </c>
      <c r="AA64" s="48">
        <v>11212</v>
      </c>
      <c r="AB64" s="49">
        <v>11864</v>
      </c>
      <c r="AC64" s="48">
        <v>545</v>
      </c>
      <c r="AD64" s="48">
        <v>12409</v>
      </c>
      <c r="AE64" s="49">
        <v>14199</v>
      </c>
      <c r="AF64" s="48">
        <v>421</v>
      </c>
      <c r="AG64" s="48">
        <v>14620</v>
      </c>
      <c r="AH64" s="49">
        <v>17291</v>
      </c>
      <c r="AI64" s="48">
        <v>324</v>
      </c>
      <c r="AJ64" s="48">
        <v>17615</v>
      </c>
      <c r="AK64" s="49">
        <v>20413</v>
      </c>
      <c r="AL64" s="48">
        <v>275</v>
      </c>
      <c r="AM64" s="48">
        <v>20688</v>
      </c>
      <c r="AN64" s="49">
        <v>18573</v>
      </c>
      <c r="AO64" s="48">
        <v>232</v>
      </c>
      <c r="AP64" s="48">
        <v>18805</v>
      </c>
      <c r="AQ64" s="49">
        <v>13143</v>
      </c>
      <c r="AR64" s="48">
        <v>162</v>
      </c>
      <c r="AS64" s="48">
        <v>13305</v>
      </c>
      <c r="AT64" s="49">
        <v>9300</v>
      </c>
      <c r="AU64" s="48">
        <v>69</v>
      </c>
      <c r="AV64" s="48">
        <v>9369</v>
      </c>
      <c r="AW64" s="49">
        <v>9267</v>
      </c>
      <c r="AX64" s="48">
        <v>46</v>
      </c>
      <c r="AY64" s="48">
        <v>9313</v>
      </c>
      <c r="AZ64" s="49">
        <v>8154</v>
      </c>
      <c r="BA64" s="48">
        <v>40</v>
      </c>
      <c r="BB64" s="48">
        <v>8194</v>
      </c>
      <c r="BC64" s="49">
        <v>6751</v>
      </c>
      <c r="BD64" s="48">
        <v>21</v>
      </c>
      <c r="BE64" s="48">
        <v>6772</v>
      </c>
      <c r="BF64" s="49">
        <v>4253</v>
      </c>
      <c r="BG64" s="48">
        <v>15</v>
      </c>
      <c r="BH64" s="48">
        <v>4268</v>
      </c>
      <c r="BI64" s="49">
        <v>1978</v>
      </c>
      <c r="BJ64" s="48">
        <v>5</v>
      </c>
      <c r="BK64" s="48">
        <v>1983</v>
      </c>
      <c r="BL64" s="49">
        <v>559</v>
      </c>
      <c r="BM64" s="48">
        <v>2</v>
      </c>
      <c r="BN64" s="48">
        <v>561</v>
      </c>
      <c r="BO64" s="49">
        <v>57</v>
      </c>
      <c r="BP64" s="48">
        <v>0</v>
      </c>
      <c r="BQ64" s="50">
        <v>57</v>
      </c>
      <c r="BT64" s="66"/>
    </row>
    <row r="65" spans="1:72" x14ac:dyDescent="0.15">
      <c r="A65" s="25"/>
      <c r="B65" s="21" t="s">
        <v>29</v>
      </c>
      <c r="C65" s="67">
        <v>141305</v>
      </c>
      <c r="D65" s="37">
        <v>747411</v>
      </c>
      <c r="E65" s="38">
        <v>25356</v>
      </c>
      <c r="F65" s="39">
        <v>772767</v>
      </c>
      <c r="G65" s="40">
        <v>28152</v>
      </c>
      <c r="H65" s="40">
        <v>995</v>
      </c>
      <c r="I65" s="39">
        <v>29147</v>
      </c>
      <c r="J65" s="40">
        <v>31204</v>
      </c>
      <c r="K65" s="40">
        <v>907</v>
      </c>
      <c r="L65" s="39">
        <v>32111</v>
      </c>
      <c r="M65" s="40">
        <v>31919</v>
      </c>
      <c r="N65" s="40">
        <v>631</v>
      </c>
      <c r="O65" s="39">
        <v>32550</v>
      </c>
      <c r="P65" s="40">
        <v>32078</v>
      </c>
      <c r="Q65" s="40">
        <v>704</v>
      </c>
      <c r="R65" s="39">
        <v>32782</v>
      </c>
      <c r="S65" s="40">
        <v>41638</v>
      </c>
      <c r="T65" s="40">
        <v>2828</v>
      </c>
      <c r="U65" s="39">
        <v>44466</v>
      </c>
      <c r="V65" s="40">
        <v>56852</v>
      </c>
      <c r="W65" s="40">
        <v>4561</v>
      </c>
      <c r="X65" s="39">
        <v>61413</v>
      </c>
      <c r="Y65" s="40">
        <v>51150</v>
      </c>
      <c r="Z65" s="40">
        <v>4269</v>
      </c>
      <c r="AA65" s="39">
        <v>55419</v>
      </c>
      <c r="AB65" s="40">
        <v>52871</v>
      </c>
      <c r="AC65" s="40">
        <v>3026</v>
      </c>
      <c r="AD65" s="39">
        <v>55897</v>
      </c>
      <c r="AE65" s="40">
        <v>55516</v>
      </c>
      <c r="AF65" s="40">
        <v>2161</v>
      </c>
      <c r="AG65" s="39">
        <v>57677</v>
      </c>
      <c r="AH65" s="40">
        <v>62346</v>
      </c>
      <c r="AI65" s="40">
        <v>1359</v>
      </c>
      <c r="AJ65" s="39">
        <v>63705</v>
      </c>
      <c r="AK65" s="40">
        <v>66204</v>
      </c>
      <c r="AL65" s="40">
        <v>1175</v>
      </c>
      <c r="AM65" s="39">
        <v>67379</v>
      </c>
      <c r="AN65" s="40">
        <v>56672</v>
      </c>
      <c r="AO65" s="40">
        <v>889</v>
      </c>
      <c r="AP65" s="39">
        <v>57561</v>
      </c>
      <c r="AQ65" s="40">
        <v>43002</v>
      </c>
      <c r="AR65" s="40">
        <v>705</v>
      </c>
      <c r="AS65" s="39">
        <v>43707</v>
      </c>
      <c r="AT65" s="40">
        <v>33492</v>
      </c>
      <c r="AU65" s="40">
        <v>455</v>
      </c>
      <c r="AV65" s="39">
        <v>33947</v>
      </c>
      <c r="AW65" s="40">
        <v>35567</v>
      </c>
      <c r="AX65" s="40">
        <v>334</v>
      </c>
      <c r="AY65" s="39">
        <v>35901</v>
      </c>
      <c r="AZ65" s="40">
        <v>29643</v>
      </c>
      <c r="BA65" s="40">
        <v>185</v>
      </c>
      <c r="BB65" s="39">
        <v>29828</v>
      </c>
      <c r="BC65" s="40">
        <v>21543</v>
      </c>
      <c r="BD65" s="40">
        <v>100</v>
      </c>
      <c r="BE65" s="39">
        <v>21643</v>
      </c>
      <c r="BF65" s="40">
        <v>11851</v>
      </c>
      <c r="BG65" s="40">
        <v>57</v>
      </c>
      <c r="BH65" s="39">
        <v>11908</v>
      </c>
      <c r="BI65" s="40">
        <v>4656</v>
      </c>
      <c r="BJ65" s="40">
        <v>13</v>
      </c>
      <c r="BK65" s="39">
        <v>4669</v>
      </c>
      <c r="BL65" s="40">
        <v>958</v>
      </c>
      <c r="BM65" s="40">
        <v>2</v>
      </c>
      <c r="BN65" s="39">
        <v>960</v>
      </c>
      <c r="BO65" s="40">
        <v>97</v>
      </c>
      <c r="BP65" s="40">
        <v>0</v>
      </c>
      <c r="BQ65" s="41">
        <v>97</v>
      </c>
      <c r="BT65" s="66"/>
    </row>
    <row r="66" spans="1:72" x14ac:dyDescent="0.15">
      <c r="A66" s="25" t="s">
        <v>52</v>
      </c>
      <c r="B66" s="26" t="s">
        <v>31</v>
      </c>
      <c r="C66" s="68"/>
      <c r="D66" s="42">
        <v>730931</v>
      </c>
      <c r="E66" s="40">
        <v>25438</v>
      </c>
      <c r="F66" s="43">
        <v>756369</v>
      </c>
      <c r="G66" s="40">
        <v>26430</v>
      </c>
      <c r="H66" s="40">
        <v>858</v>
      </c>
      <c r="I66" s="43">
        <v>27288</v>
      </c>
      <c r="J66" s="40">
        <v>29727</v>
      </c>
      <c r="K66" s="40">
        <v>836</v>
      </c>
      <c r="L66" s="43">
        <v>30563</v>
      </c>
      <c r="M66" s="40">
        <v>30183</v>
      </c>
      <c r="N66" s="40">
        <v>622</v>
      </c>
      <c r="O66" s="43">
        <v>30805</v>
      </c>
      <c r="P66" s="40">
        <v>30323</v>
      </c>
      <c r="Q66" s="40">
        <v>676</v>
      </c>
      <c r="R66" s="43">
        <v>30999</v>
      </c>
      <c r="S66" s="40">
        <v>41087</v>
      </c>
      <c r="T66" s="40">
        <v>2346</v>
      </c>
      <c r="U66" s="43">
        <v>43433</v>
      </c>
      <c r="V66" s="40">
        <v>53250</v>
      </c>
      <c r="W66" s="40">
        <v>3547</v>
      </c>
      <c r="X66" s="43">
        <v>56797</v>
      </c>
      <c r="Y66" s="40">
        <v>46985</v>
      </c>
      <c r="Z66" s="40">
        <v>3576</v>
      </c>
      <c r="AA66" s="43">
        <v>50561</v>
      </c>
      <c r="AB66" s="40">
        <v>47686</v>
      </c>
      <c r="AC66" s="40">
        <v>2740</v>
      </c>
      <c r="AD66" s="43">
        <v>50426</v>
      </c>
      <c r="AE66" s="40">
        <v>50368</v>
      </c>
      <c r="AF66" s="40">
        <v>2331</v>
      </c>
      <c r="AG66" s="43">
        <v>52699</v>
      </c>
      <c r="AH66" s="40">
        <v>57126</v>
      </c>
      <c r="AI66" s="40">
        <v>1747</v>
      </c>
      <c r="AJ66" s="43">
        <v>58873</v>
      </c>
      <c r="AK66" s="40">
        <v>60735</v>
      </c>
      <c r="AL66" s="40">
        <v>1798</v>
      </c>
      <c r="AM66" s="43">
        <v>62533</v>
      </c>
      <c r="AN66" s="40">
        <v>49476</v>
      </c>
      <c r="AO66" s="40">
        <v>1526</v>
      </c>
      <c r="AP66" s="43">
        <v>51002</v>
      </c>
      <c r="AQ66" s="40">
        <v>38445</v>
      </c>
      <c r="AR66" s="40">
        <v>1075</v>
      </c>
      <c r="AS66" s="43">
        <v>39520</v>
      </c>
      <c r="AT66" s="40">
        <v>31992</v>
      </c>
      <c r="AU66" s="40">
        <v>694</v>
      </c>
      <c r="AV66" s="43">
        <v>32686</v>
      </c>
      <c r="AW66" s="40">
        <v>37477</v>
      </c>
      <c r="AX66" s="40">
        <v>397</v>
      </c>
      <c r="AY66" s="43">
        <v>37874</v>
      </c>
      <c r="AZ66" s="40">
        <v>34455</v>
      </c>
      <c r="BA66" s="40">
        <v>288</v>
      </c>
      <c r="BB66" s="43">
        <v>34743</v>
      </c>
      <c r="BC66" s="40">
        <v>29401</v>
      </c>
      <c r="BD66" s="40">
        <v>200</v>
      </c>
      <c r="BE66" s="43">
        <v>29601</v>
      </c>
      <c r="BF66" s="40">
        <v>20580</v>
      </c>
      <c r="BG66" s="40">
        <v>118</v>
      </c>
      <c r="BH66" s="43">
        <v>20698</v>
      </c>
      <c r="BI66" s="40">
        <v>11126</v>
      </c>
      <c r="BJ66" s="40">
        <v>47</v>
      </c>
      <c r="BK66" s="43">
        <v>11173</v>
      </c>
      <c r="BL66" s="40">
        <v>3494</v>
      </c>
      <c r="BM66" s="40">
        <v>13</v>
      </c>
      <c r="BN66" s="43">
        <v>3507</v>
      </c>
      <c r="BO66" s="40">
        <v>585</v>
      </c>
      <c r="BP66" s="40">
        <v>3</v>
      </c>
      <c r="BQ66" s="44">
        <v>588</v>
      </c>
      <c r="BT66" s="66"/>
    </row>
    <row r="67" spans="1:72" ht="15" thickBot="1" x14ac:dyDescent="0.2">
      <c r="A67" s="45"/>
      <c r="B67" s="32" t="s">
        <v>32</v>
      </c>
      <c r="C67" s="69"/>
      <c r="D67" s="46">
        <v>1478342</v>
      </c>
      <c r="E67" s="47">
        <v>50794</v>
      </c>
      <c r="F67" s="48">
        <v>1529136</v>
      </c>
      <c r="G67" s="49">
        <v>54582</v>
      </c>
      <c r="H67" s="48">
        <v>1853</v>
      </c>
      <c r="I67" s="48">
        <v>56435</v>
      </c>
      <c r="J67" s="49">
        <v>60931</v>
      </c>
      <c r="K67" s="48">
        <v>1743</v>
      </c>
      <c r="L67" s="48">
        <v>62674</v>
      </c>
      <c r="M67" s="49">
        <v>62102</v>
      </c>
      <c r="N67" s="48">
        <v>1253</v>
      </c>
      <c r="O67" s="48">
        <v>63355</v>
      </c>
      <c r="P67" s="49">
        <v>62401</v>
      </c>
      <c r="Q67" s="48">
        <v>1380</v>
      </c>
      <c r="R67" s="48">
        <v>63781</v>
      </c>
      <c r="S67" s="49">
        <v>82725</v>
      </c>
      <c r="T67" s="48">
        <v>5174</v>
      </c>
      <c r="U67" s="48">
        <v>87899</v>
      </c>
      <c r="V67" s="49">
        <v>110102</v>
      </c>
      <c r="W67" s="48">
        <v>8108</v>
      </c>
      <c r="X67" s="48">
        <v>118210</v>
      </c>
      <c r="Y67" s="49">
        <v>98135</v>
      </c>
      <c r="Z67" s="48">
        <v>7845</v>
      </c>
      <c r="AA67" s="48">
        <v>105980</v>
      </c>
      <c r="AB67" s="49">
        <v>100557</v>
      </c>
      <c r="AC67" s="48">
        <v>5766</v>
      </c>
      <c r="AD67" s="48">
        <v>106323</v>
      </c>
      <c r="AE67" s="49">
        <v>105884</v>
      </c>
      <c r="AF67" s="48">
        <v>4492</v>
      </c>
      <c r="AG67" s="48">
        <v>110376</v>
      </c>
      <c r="AH67" s="49">
        <v>119472</v>
      </c>
      <c r="AI67" s="48">
        <v>3106</v>
      </c>
      <c r="AJ67" s="48">
        <v>122578</v>
      </c>
      <c r="AK67" s="49">
        <v>126939</v>
      </c>
      <c r="AL67" s="48">
        <v>2973</v>
      </c>
      <c r="AM67" s="48">
        <v>129912</v>
      </c>
      <c r="AN67" s="49">
        <v>106148</v>
      </c>
      <c r="AO67" s="48">
        <v>2415</v>
      </c>
      <c r="AP67" s="48">
        <v>108563</v>
      </c>
      <c r="AQ67" s="49">
        <v>81447</v>
      </c>
      <c r="AR67" s="48">
        <v>1780</v>
      </c>
      <c r="AS67" s="48">
        <v>83227</v>
      </c>
      <c r="AT67" s="49">
        <v>65484</v>
      </c>
      <c r="AU67" s="48">
        <v>1149</v>
      </c>
      <c r="AV67" s="48">
        <v>66633</v>
      </c>
      <c r="AW67" s="49">
        <v>73044</v>
      </c>
      <c r="AX67" s="48">
        <v>731</v>
      </c>
      <c r="AY67" s="48">
        <v>73775</v>
      </c>
      <c r="AZ67" s="49">
        <v>64098</v>
      </c>
      <c r="BA67" s="48">
        <v>473</v>
      </c>
      <c r="BB67" s="48">
        <v>64571</v>
      </c>
      <c r="BC67" s="49">
        <v>50944</v>
      </c>
      <c r="BD67" s="48">
        <v>300</v>
      </c>
      <c r="BE67" s="48">
        <v>51244</v>
      </c>
      <c r="BF67" s="49">
        <v>32431</v>
      </c>
      <c r="BG67" s="48">
        <v>175</v>
      </c>
      <c r="BH67" s="48">
        <v>32606</v>
      </c>
      <c r="BI67" s="49">
        <v>15782</v>
      </c>
      <c r="BJ67" s="48">
        <v>60</v>
      </c>
      <c r="BK67" s="48">
        <v>15842</v>
      </c>
      <c r="BL67" s="49">
        <v>4452</v>
      </c>
      <c r="BM67" s="48">
        <v>15</v>
      </c>
      <c r="BN67" s="48">
        <v>4467</v>
      </c>
      <c r="BO67" s="49">
        <v>682</v>
      </c>
      <c r="BP67" s="48">
        <v>3</v>
      </c>
      <c r="BQ67" s="50">
        <v>685</v>
      </c>
      <c r="BT67" s="66"/>
    </row>
    <row r="68" spans="1:72" x14ac:dyDescent="0.15">
      <c r="A68" s="53"/>
      <c r="B68" s="21" t="s">
        <v>29</v>
      </c>
      <c r="C68" s="67">
        <v>141313</v>
      </c>
      <c r="D68" s="37">
        <v>116797</v>
      </c>
      <c r="E68" s="38">
        <v>8955</v>
      </c>
      <c r="F68" s="39">
        <v>125752</v>
      </c>
      <c r="G68" s="52">
        <v>3244</v>
      </c>
      <c r="H68" s="52">
        <v>367</v>
      </c>
      <c r="I68" s="39">
        <v>3611</v>
      </c>
      <c r="J68" s="52">
        <v>3789</v>
      </c>
      <c r="K68" s="52">
        <v>399</v>
      </c>
      <c r="L68" s="39">
        <v>4188</v>
      </c>
      <c r="M68" s="52">
        <v>4160</v>
      </c>
      <c r="N68" s="52">
        <v>294</v>
      </c>
      <c r="O68" s="39">
        <v>4454</v>
      </c>
      <c r="P68" s="52">
        <v>4376</v>
      </c>
      <c r="Q68" s="52">
        <v>299</v>
      </c>
      <c r="R68" s="39">
        <v>4675</v>
      </c>
      <c r="S68" s="52">
        <v>6510</v>
      </c>
      <c r="T68" s="52">
        <v>950</v>
      </c>
      <c r="U68" s="39">
        <v>7460</v>
      </c>
      <c r="V68" s="52">
        <v>9508</v>
      </c>
      <c r="W68" s="52">
        <v>1471</v>
      </c>
      <c r="X68" s="39">
        <v>10979</v>
      </c>
      <c r="Y68" s="52">
        <v>8148</v>
      </c>
      <c r="Z68" s="52">
        <v>1355</v>
      </c>
      <c r="AA68" s="39">
        <v>9503</v>
      </c>
      <c r="AB68" s="52">
        <v>8235</v>
      </c>
      <c r="AC68" s="52">
        <v>1045</v>
      </c>
      <c r="AD68" s="39">
        <v>9280</v>
      </c>
      <c r="AE68" s="52">
        <v>8570</v>
      </c>
      <c r="AF68" s="52">
        <v>746</v>
      </c>
      <c r="AG68" s="39">
        <v>9316</v>
      </c>
      <c r="AH68" s="52">
        <v>9832</v>
      </c>
      <c r="AI68" s="52">
        <v>491</v>
      </c>
      <c r="AJ68" s="39">
        <v>10323</v>
      </c>
      <c r="AK68" s="52">
        <v>10886</v>
      </c>
      <c r="AL68" s="52">
        <v>416</v>
      </c>
      <c r="AM68" s="39">
        <v>11302</v>
      </c>
      <c r="AN68" s="52">
        <v>8537</v>
      </c>
      <c r="AO68" s="52">
        <v>361</v>
      </c>
      <c r="AP68" s="39">
        <v>8898</v>
      </c>
      <c r="AQ68" s="52">
        <v>6831</v>
      </c>
      <c r="AR68" s="52">
        <v>279</v>
      </c>
      <c r="AS68" s="39">
        <v>7110</v>
      </c>
      <c r="AT68" s="52">
        <v>5984</v>
      </c>
      <c r="AU68" s="52">
        <v>189</v>
      </c>
      <c r="AV68" s="39">
        <v>6173</v>
      </c>
      <c r="AW68" s="52">
        <v>6760</v>
      </c>
      <c r="AX68" s="52">
        <v>150</v>
      </c>
      <c r="AY68" s="39">
        <v>6910</v>
      </c>
      <c r="AZ68" s="52">
        <v>5170</v>
      </c>
      <c r="BA68" s="52">
        <v>71</v>
      </c>
      <c r="BB68" s="39">
        <v>5241</v>
      </c>
      <c r="BC68" s="52">
        <v>3583</v>
      </c>
      <c r="BD68" s="52">
        <v>45</v>
      </c>
      <c r="BE68" s="39">
        <v>3628</v>
      </c>
      <c r="BF68" s="52">
        <v>1849</v>
      </c>
      <c r="BG68" s="52">
        <v>20</v>
      </c>
      <c r="BH68" s="39">
        <v>1869</v>
      </c>
      <c r="BI68" s="52">
        <v>682</v>
      </c>
      <c r="BJ68" s="52">
        <v>6</v>
      </c>
      <c r="BK68" s="39">
        <v>688</v>
      </c>
      <c r="BL68" s="52">
        <v>135</v>
      </c>
      <c r="BM68" s="52">
        <v>1</v>
      </c>
      <c r="BN68" s="39">
        <v>136</v>
      </c>
      <c r="BO68" s="52">
        <v>8</v>
      </c>
      <c r="BP68" s="52">
        <v>0</v>
      </c>
      <c r="BQ68" s="41">
        <v>8</v>
      </c>
      <c r="BT68" s="66"/>
    </row>
    <row r="69" spans="1:72" x14ac:dyDescent="0.15">
      <c r="A69" s="53" t="s">
        <v>53</v>
      </c>
      <c r="B69" s="26" t="s">
        <v>31</v>
      </c>
      <c r="C69" s="68"/>
      <c r="D69" s="42">
        <v>97897</v>
      </c>
      <c r="E69" s="40">
        <v>9273</v>
      </c>
      <c r="F69" s="43">
        <v>107170</v>
      </c>
      <c r="G69" s="52">
        <v>3008</v>
      </c>
      <c r="H69" s="52">
        <v>350</v>
      </c>
      <c r="I69" s="43">
        <v>3358</v>
      </c>
      <c r="J69" s="52">
        <v>3572</v>
      </c>
      <c r="K69" s="52">
        <v>369</v>
      </c>
      <c r="L69" s="43">
        <v>3941</v>
      </c>
      <c r="M69" s="52">
        <v>3887</v>
      </c>
      <c r="N69" s="52">
        <v>256</v>
      </c>
      <c r="O69" s="43">
        <v>4143</v>
      </c>
      <c r="P69" s="52">
        <v>4166</v>
      </c>
      <c r="Q69" s="52">
        <v>233</v>
      </c>
      <c r="R69" s="43">
        <v>4399</v>
      </c>
      <c r="S69" s="52">
        <v>5322</v>
      </c>
      <c r="T69" s="52">
        <v>784</v>
      </c>
      <c r="U69" s="43">
        <v>6106</v>
      </c>
      <c r="V69" s="52">
        <v>6858</v>
      </c>
      <c r="W69" s="52">
        <v>1098</v>
      </c>
      <c r="X69" s="43">
        <v>7956</v>
      </c>
      <c r="Y69" s="52">
        <v>5851</v>
      </c>
      <c r="Z69" s="52">
        <v>1129</v>
      </c>
      <c r="AA69" s="43">
        <v>6980</v>
      </c>
      <c r="AB69" s="52">
        <v>5841</v>
      </c>
      <c r="AC69" s="52">
        <v>1023</v>
      </c>
      <c r="AD69" s="43">
        <v>6864</v>
      </c>
      <c r="AE69" s="52">
        <v>6441</v>
      </c>
      <c r="AF69" s="52">
        <v>844</v>
      </c>
      <c r="AG69" s="43">
        <v>7285</v>
      </c>
      <c r="AH69" s="52">
        <v>7413</v>
      </c>
      <c r="AI69" s="52">
        <v>616</v>
      </c>
      <c r="AJ69" s="43">
        <v>8029</v>
      </c>
      <c r="AK69" s="52">
        <v>7859</v>
      </c>
      <c r="AL69" s="52">
        <v>709</v>
      </c>
      <c r="AM69" s="43">
        <v>8568</v>
      </c>
      <c r="AN69" s="52">
        <v>6256</v>
      </c>
      <c r="AO69" s="52">
        <v>625</v>
      </c>
      <c r="AP69" s="43">
        <v>6881</v>
      </c>
      <c r="AQ69" s="52">
        <v>5248</v>
      </c>
      <c r="AR69" s="52">
        <v>416</v>
      </c>
      <c r="AS69" s="43">
        <v>5664</v>
      </c>
      <c r="AT69" s="52">
        <v>4754</v>
      </c>
      <c r="AU69" s="52">
        <v>292</v>
      </c>
      <c r="AV69" s="43">
        <v>5046</v>
      </c>
      <c r="AW69" s="52">
        <v>5819</v>
      </c>
      <c r="AX69" s="52">
        <v>184</v>
      </c>
      <c r="AY69" s="43">
        <v>6003</v>
      </c>
      <c r="AZ69" s="52">
        <v>5217</v>
      </c>
      <c r="BA69" s="52">
        <v>131</v>
      </c>
      <c r="BB69" s="43">
        <v>5348</v>
      </c>
      <c r="BC69" s="52">
        <v>4520</v>
      </c>
      <c r="BD69" s="52">
        <v>109</v>
      </c>
      <c r="BE69" s="43">
        <v>4629</v>
      </c>
      <c r="BF69" s="52">
        <v>3368</v>
      </c>
      <c r="BG69" s="52">
        <v>70</v>
      </c>
      <c r="BH69" s="43">
        <v>3438</v>
      </c>
      <c r="BI69" s="52">
        <v>1821</v>
      </c>
      <c r="BJ69" s="52">
        <v>26</v>
      </c>
      <c r="BK69" s="43">
        <v>1847</v>
      </c>
      <c r="BL69" s="52">
        <v>579</v>
      </c>
      <c r="BM69" s="52">
        <v>8</v>
      </c>
      <c r="BN69" s="43">
        <v>587</v>
      </c>
      <c r="BO69" s="52">
        <v>97</v>
      </c>
      <c r="BP69" s="52">
        <v>1</v>
      </c>
      <c r="BQ69" s="44">
        <v>98</v>
      </c>
      <c r="BT69" s="66"/>
    </row>
    <row r="70" spans="1:72" ht="15" thickBot="1" x14ac:dyDescent="0.2">
      <c r="A70" s="54"/>
      <c r="B70" s="32" t="s">
        <v>32</v>
      </c>
      <c r="C70" s="69"/>
      <c r="D70" s="46">
        <v>214694</v>
      </c>
      <c r="E70" s="47">
        <v>18228</v>
      </c>
      <c r="F70" s="48">
        <v>232922</v>
      </c>
      <c r="G70" s="49">
        <v>6252</v>
      </c>
      <c r="H70" s="48">
        <v>717</v>
      </c>
      <c r="I70" s="48">
        <v>6969</v>
      </c>
      <c r="J70" s="49">
        <v>7361</v>
      </c>
      <c r="K70" s="48">
        <v>768</v>
      </c>
      <c r="L70" s="48">
        <v>8129</v>
      </c>
      <c r="M70" s="49">
        <v>8047</v>
      </c>
      <c r="N70" s="48">
        <v>550</v>
      </c>
      <c r="O70" s="48">
        <v>8597</v>
      </c>
      <c r="P70" s="49">
        <v>8542</v>
      </c>
      <c r="Q70" s="48">
        <v>532</v>
      </c>
      <c r="R70" s="48">
        <v>9074</v>
      </c>
      <c r="S70" s="49">
        <v>11832</v>
      </c>
      <c r="T70" s="48">
        <v>1734</v>
      </c>
      <c r="U70" s="48">
        <v>13566</v>
      </c>
      <c r="V70" s="49">
        <v>16366</v>
      </c>
      <c r="W70" s="48">
        <v>2569</v>
      </c>
      <c r="X70" s="48">
        <v>18935</v>
      </c>
      <c r="Y70" s="49">
        <v>13999</v>
      </c>
      <c r="Z70" s="48">
        <v>2484</v>
      </c>
      <c r="AA70" s="48">
        <v>16483</v>
      </c>
      <c r="AB70" s="49">
        <v>14076</v>
      </c>
      <c r="AC70" s="48">
        <v>2068</v>
      </c>
      <c r="AD70" s="48">
        <v>16144</v>
      </c>
      <c r="AE70" s="49">
        <v>15011</v>
      </c>
      <c r="AF70" s="48">
        <v>1590</v>
      </c>
      <c r="AG70" s="48">
        <v>16601</v>
      </c>
      <c r="AH70" s="49">
        <v>17245</v>
      </c>
      <c r="AI70" s="48">
        <v>1107</v>
      </c>
      <c r="AJ70" s="48">
        <v>18352</v>
      </c>
      <c r="AK70" s="49">
        <v>18745</v>
      </c>
      <c r="AL70" s="48">
        <v>1125</v>
      </c>
      <c r="AM70" s="48">
        <v>19870</v>
      </c>
      <c r="AN70" s="49">
        <v>14793</v>
      </c>
      <c r="AO70" s="48">
        <v>986</v>
      </c>
      <c r="AP70" s="48">
        <v>15779</v>
      </c>
      <c r="AQ70" s="49">
        <v>12079</v>
      </c>
      <c r="AR70" s="48">
        <v>695</v>
      </c>
      <c r="AS70" s="48">
        <v>12774</v>
      </c>
      <c r="AT70" s="49">
        <v>10738</v>
      </c>
      <c r="AU70" s="48">
        <v>481</v>
      </c>
      <c r="AV70" s="48">
        <v>11219</v>
      </c>
      <c r="AW70" s="49">
        <v>12579</v>
      </c>
      <c r="AX70" s="48">
        <v>334</v>
      </c>
      <c r="AY70" s="48">
        <v>12913</v>
      </c>
      <c r="AZ70" s="49">
        <v>10387</v>
      </c>
      <c r="BA70" s="48">
        <v>202</v>
      </c>
      <c r="BB70" s="48">
        <v>10589</v>
      </c>
      <c r="BC70" s="49">
        <v>8103</v>
      </c>
      <c r="BD70" s="48">
        <v>154</v>
      </c>
      <c r="BE70" s="48">
        <v>8257</v>
      </c>
      <c r="BF70" s="49">
        <v>5217</v>
      </c>
      <c r="BG70" s="48">
        <v>90</v>
      </c>
      <c r="BH70" s="48">
        <v>5307</v>
      </c>
      <c r="BI70" s="49">
        <v>2503</v>
      </c>
      <c r="BJ70" s="48">
        <v>32</v>
      </c>
      <c r="BK70" s="48">
        <v>2535</v>
      </c>
      <c r="BL70" s="49">
        <v>714</v>
      </c>
      <c r="BM70" s="48">
        <v>9</v>
      </c>
      <c r="BN70" s="48">
        <v>723</v>
      </c>
      <c r="BO70" s="49">
        <v>105</v>
      </c>
      <c r="BP70" s="48">
        <v>1</v>
      </c>
      <c r="BQ70" s="50">
        <v>106</v>
      </c>
      <c r="BT70" s="66"/>
    </row>
    <row r="71" spans="1:72" x14ac:dyDescent="0.15">
      <c r="A71" s="53"/>
      <c r="B71" s="21" t="s">
        <v>29</v>
      </c>
      <c r="C71" s="67">
        <v>141321</v>
      </c>
      <c r="D71" s="37">
        <v>85178</v>
      </c>
      <c r="E71" s="38">
        <v>2986</v>
      </c>
      <c r="F71" s="39">
        <v>88164</v>
      </c>
      <c r="G71" s="52">
        <v>3677</v>
      </c>
      <c r="H71" s="52">
        <v>159</v>
      </c>
      <c r="I71" s="39">
        <v>3836</v>
      </c>
      <c r="J71" s="52">
        <v>3905</v>
      </c>
      <c r="K71" s="52">
        <v>130</v>
      </c>
      <c r="L71" s="39">
        <v>4035</v>
      </c>
      <c r="M71" s="52">
        <v>3691</v>
      </c>
      <c r="N71" s="52">
        <v>113</v>
      </c>
      <c r="O71" s="39">
        <v>3804</v>
      </c>
      <c r="P71" s="52">
        <v>3434</v>
      </c>
      <c r="Q71" s="52">
        <v>90</v>
      </c>
      <c r="R71" s="39">
        <v>3524</v>
      </c>
      <c r="S71" s="52">
        <v>3995</v>
      </c>
      <c r="T71" s="52">
        <v>236</v>
      </c>
      <c r="U71" s="39">
        <v>4231</v>
      </c>
      <c r="V71" s="52">
        <v>6057</v>
      </c>
      <c r="W71" s="52">
        <v>432</v>
      </c>
      <c r="X71" s="39">
        <v>6489</v>
      </c>
      <c r="Y71" s="52">
        <v>5936</v>
      </c>
      <c r="Z71" s="52">
        <v>513</v>
      </c>
      <c r="AA71" s="39">
        <v>6449</v>
      </c>
      <c r="AB71" s="52">
        <v>6544</v>
      </c>
      <c r="AC71" s="52">
        <v>379</v>
      </c>
      <c r="AD71" s="39">
        <v>6923</v>
      </c>
      <c r="AE71" s="52">
        <v>6828</v>
      </c>
      <c r="AF71" s="52">
        <v>288</v>
      </c>
      <c r="AG71" s="39">
        <v>7116</v>
      </c>
      <c r="AH71" s="52">
        <v>7416</v>
      </c>
      <c r="AI71" s="52">
        <v>180</v>
      </c>
      <c r="AJ71" s="39">
        <v>7596</v>
      </c>
      <c r="AK71" s="52">
        <v>7476</v>
      </c>
      <c r="AL71" s="52">
        <v>138</v>
      </c>
      <c r="AM71" s="39">
        <v>7614</v>
      </c>
      <c r="AN71" s="52">
        <v>5717</v>
      </c>
      <c r="AO71" s="52">
        <v>105</v>
      </c>
      <c r="AP71" s="39">
        <v>5822</v>
      </c>
      <c r="AQ71" s="52">
        <v>4410</v>
      </c>
      <c r="AR71" s="52">
        <v>77</v>
      </c>
      <c r="AS71" s="39">
        <v>4487</v>
      </c>
      <c r="AT71" s="52">
        <v>3727</v>
      </c>
      <c r="AU71" s="52">
        <v>48</v>
      </c>
      <c r="AV71" s="39">
        <v>3775</v>
      </c>
      <c r="AW71" s="52">
        <v>4233</v>
      </c>
      <c r="AX71" s="52">
        <v>42</v>
      </c>
      <c r="AY71" s="39">
        <v>4275</v>
      </c>
      <c r="AZ71" s="52">
        <v>3620</v>
      </c>
      <c r="BA71" s="52">
        <v>34</v>
      </c>
      <c r="BB71" s="39">
        <v>3654</v>
      </c>
      <c r="BC71" s="52">
        <v>2573</v>
      </c>
      <c r="BD71" s="52">
        <v>13</v>
      </c>
      <c r="BE71" s="39">
        <v>2586</v>
      </c>
      <c r="BF71" s="52">
        <v>1310</v>
      </c>
      <c r="BG71" s="52">
        <v>6</v>
      </c>
      <c r="BH71" s="39">
        <v>1316</v>
      </c>
      <c r="BI71" s="52">
        <v>506</v>
      </c>
      <c r="BJ71" s="52">
        <v>3</v>
      </c>
      <c r="BK71" s="39">
        <v>509</v>
      </c>
      <c r="BL71" s="52">
        <v>108</v>
      </c>
      <c r="BM71" s="52">
        <v>0</v>
      </c>
      <c r="BN71" s="39">
        <v>108</v>
      </c>
      <c r="BO71" s="52">
        <v>15</v>
      </c>
      <c r="BP71" s="52">
        <v>0</v>
      </c>
      <c r="BQ71" s="41">
        <v>15</v>
      </c>
      <c r="BT71" s="66"/>
    </row>
    <row r="72" spans="1:72" x14ac:dyDescent="0.15">
      <c r="A72" s="53" t="s">
        <v>54</v>
      </c>
      <c r="B72" s="26" t="s">
        <v>31</v>
      </c>
      <c r="C72" s="68"/>
      <c r="D72" s="42">
        <v>81820</v>
      </c>
      <c r="E72" s="40">
        <v>3314</v>
      </c>
      <c r="F72" s="43">
        <v>85134</v>
      </c>
      <c r="G72" s="52">
        <v>3499</v>
      </c>
      <c r="H72" s="52">
        <v>149</v>
      </c>
      <c r="I72" s="43">
        <v>3648</v>
      </c>
      <c r="J72" s="52">
        <v>3599</v>
      </c>
      <c r="K72" s="52">
        <v>118</v>
      </c>
      <c r="L72" s="43">
        <v>3717</v>
      </c>
      <c r="M72" s="52">
        <v>3563</v>
      </c>
      <c r="N72" s="52">
        <v>109</v>
      </c>
      <c r="O72" s="43">
        <v>3672</v>
      </c>
      <c r="P72" s="52">
        <v>3294</v>
      </c>
      <c r="Q72" s="52">
        <v>102</v>
      </c>
      <c r="R72" s="43">
        <v>3396</v>
      </c>
      <c r="S72" s="52">
        <v>3857</v>
      </c>
      <c r="T72" s="52">
        <v>198</v>
      </c>
      <c r="U72" s="43">
        <v>4055</v>
      </c>
      <c r="V72" s="52">
        <v>5061</v>
      </c>
      <c r="W72" s="52">
        <v>374</v>
      </c>
      <c r="X72" s="43">
        <v>5435</v>
      </c>
      <c r="Y72" s="52">
        <v>5261</v>
      </c>
      <c r="Z72" s="52">
        <v>454</v>
      </c>
      <c r="AA72" s="43">
        <v>5715</v>
      </c>
      <c r="AB72" s="52">
        <v>5567</v>
      </c>
      <c r="AC72" s="52">
        <v>367</v>
      </c>
      <c r="AD72" s="43">
        <v>5934</v>
      </c>
      <c r="AE72" s="52">
        <v>5903</v>
      </c>
      <c r="AF72" s="52">
        <v>348</v>
      </c>
      <c r="AG72" s="43">
        <v>6251</v>
      </c>
      <c r="AH72" s="52">
        <v>6532</v>
      </c>
      <c r="AI72" s="52">
        <v>266</v>
      </c>
      <c r="AJ72" s="43">
        <v>6798</v>
      </c>
      <c r="AK72" s="52">
        <v>6423</v>
      </c>
      <c r="AL72" s="52">
        <v>246</v>
      </c>
      <c r="AM72" s="43">
        <v>6669</v>
      </c>
      <c r="AN72" s="52">
        <v>4846</v>
      </c>
      <c r="AO72" s="52">
        <v>203</v>
      </c>
      <c r="AP72" s="43">
        <v>5049</v>
      </c>
      <c r="AQ72" s="52">
        <v>3922</v>
      </c>
      <c r="AR72" s="52">
        <v>160</v>
      </c>
      <c r="AS72" s="43">
        <v>4082</v>
      </c>
      <c r="AT72" s="52">
        <v>3667</v>
      </c>
      <c r="AU72" s="52">
        <v>94</v>
      </c>
      <c r="AV72" s="43">
        <v>3761</v>
      </c>
      <c r="AW72" s="52">
        <v>4576</v>
      </c>
      <c r="AX72" s="52">
        <v>45</v>
      </c>
      <c r="AY72" s="43">
        <v>4621</v>
      </c>
      <c r="AZ72" s="52">
        <v>4223</v>
      </c>
      <c r="BA72" s="52">
        <v>40</v>
      </c>
      <c r="BB72" s="43">
        <v>4263</v>
      </c>
      <c r="BC72" s="52">
        <v>3606</v>
      </c>
      <c r="BD72" s="52">
        <v>24</v>
      </c>
      <c r="BE72" s="43">
        <v>3630</v>
      </c>
      <c r="BF72" s="52">
        <v>2501</v>
      </c>
      <c r="BG72" s="52">
        <v>10</v>
      </c>
      <c r="BH72" s="43">
        <v>2511</v>
      </c>
      <c r="BI72" s="52">
        <v>1399</v>
      </c>
      <c r="BJ72" s="52">
        <v>4</v>
      </c>
      <c r="BK72" s="43">
        <v>1403</v>
      </c>
      <c r="BL72" s="52">
        <v>454</v>
      </c>
      <c r="BM72" s="52">
        <v>2</v>
      </c>
      <c r="BN72" s="43">
        <v>456</v>
      </c>
      <c r="BO72" s="52">
        <v>67</v>
      </c>
      <c r="BP72" s="52">
        <v>1</v>
      </c>
      <c r="BQ72" s="44">
        <v>68</v>
      </c>
      <c r="BT72" s="66"/>
    </row>
    <row r="73" spans="1:72" ht="15" thickBot="1" x14ac:dyDescent="0.2">
      <c r="A73" s="54"/>
      <c r="B73" s="32" t="s">
        <v>32</v>
      </c>
      <c r="C73" s="69"/>
      <c r="D73" s="46">
        <v>166998</v>
      </c>
      <c r="E73" s="47">
        <v>6300</v>
      </c>
      <c r="F73" s="48">
        <v>173298</v>
      </c>
      <c r="G73" s="49">
        <v>7176</v>
      </c>
      <c r="H73" s="48">
        <v>308</v>
      </c>
      <c r="I73" s="48">
        <v>7484</v>
      </c>
      <c r="J73" s="49">
        <v>7504</v>
      </c>
      <c r="K73" s="48">
        <v>248</v>
      </c>
      <c r="L73" s="48">
        <v>7752</v>
      </c>
      <c r="M73" s="49">
        <v>7254</v>
      </c>
      <c r="N73" s="48">
        <v>222</v>
      </c>
      <c r="O73" s="48">
        <v>7476</v>
      </c>
      <c r="P73" s="49">
        <v>6728</v>
      </c>
      <c r="Q73" s="48">
        <v>192</v>
      </c>
      <c r="R73" s="48">
        <v>6920</v>
      </c>
      <c r="S73" s="49">
        <v>7852</v>
      </c>
      <c r="T73" s="48">
        <v>434</v>
      </c>
      <c r="U73" s="48">
        <v>8286</v>
      </c>
      <c r="V73" s="49">
        <v>11118</v>
      </c>
      <c r="W73" s="48">
        <v>806</v>
      </c>
      <c r="X73" s="48">
        <v>11924</v>
      </c>
      <c r="Y73" s="49">
        <v>11197</v>
      </c>
      <c r="Z73" s="48">
        <v>967</v>
      </c>
      <c r="AA73" s="48">
        <v>12164</v>
      </c>
      <c r="AB73" s="49">
        <v>12111</v>
      </c>
      <c r="AC73" s="48">
        <v>746</v>
      </c>
      <c r="AD73" s="48">
        <v>12857</v>
      </c>
      <c r="AE73" s="49">
        <v>12731</v>
      </c>
      <c r="AF73" s="48">
        <v>636</v>
      </c>
      <c r="AG73" s="48">
        <v>13367</v>
      </c>
      <c r="AH73" s="49">
        <v>13948</v>
      </c>
      <c r="AI73" s="48">
        <v>446</v>
      </c>
      <c r="AJ73" s="48">
        <v>14394</v>
      </c>
      <c r="AK73" s="49">
        <v>13899</v>
      </c>
      <c r="AL73" s="48">
        <v>384</v>
      </c>
      <c r="AM73" s="48">
        <v>14283</v>
      </c>
      <c r="AN73" s="49">
        <v>10563</v>
      </c>
      <c r="AO73" s="48">
        <v>308</v>
      </c>
      <c r="AP73" s="48">
        <v>10871</v>
      </c>
      <c r="AQ73" s="49">
        <v>8332</v>
      </c>
      <c r="AR73" s="48">
        <v>237</v>
      </c>
      <c r="AS73" s="48">
        <v>8569</v>
      </c>
      <c r="AT73" s="49">
        <v>7394</v>
      </c>
      <c r="AU73" s="48">
        <v>142</v>
      </c>
      <c r="AV73" s="48">
        <v>7536</v>
      </c>
      <c r="AW73" s="49">
        <v>8809</v>
      </c>
      <c r="AX73" s="48">
        <v>87</v>
      </c>
      <c r="AY73" s="48">
        <v>8896</v>
      </c>
      <c r="AZ73" s="49">
        <v>7843</v>
      </c>
      <c r="BA73" s="48">
        <v>74</v>
      </c>
      <c r="BB73" s="48">
        <v>7917</v>
      </c>
      <c r="BC73" s="49">
        <v>6179</v>
      </c>
      <c r="BD73" s="48">
        <v>37</v>
      </c>
      <c r="BE73" s="48">
        <v>6216</v>
      </c>
      <c r="BF73" s="49">
        <v>3811</v>
      </c>
      <c r="BG73" s="48">
        <v>16</v>
      </c>
      <c r="BH73" s="48">
        <v>3827</v>
      </c>
      <c r="BI73" s="49">
        <v>1905</v>
      </c>
      <c r="BJ73" s="48">
        <v>7</v>
      </c>
      <c r="BK73" s="48">
        <v>1912</v>
      </c>
      <c r="BL73" s="49">
        <v>562</v>
      </c>
      <c r="BM73" s="48">
        <v>2</v>
      </c>
      <c r="BN73" s="48">
        <v>564</v>
      </c>
      <c r="BO73" s="49">
        <v>82</v>
      </c>
      <c r="BP73" s="48">
        <v>1</v>
      </c>
      <c r="BQ73" s="50">
        <v>83</v>
      </c>
      <c r="BT73" s="66"/>
    </row>
    <row r="74" spans="1:72" x14ac:dyDescent="0.15">
      <c r="A74" s="53"/>
      <c r="B74" s="21" t="s">
        <v>29</v>
      </c>
      <c r="C74" s="67">
        <v>141330</v>
      </c>
      <c r="D74" s="37">
        <v>128689</v>
      </c>
      <c r="E74" s="38">
        <v>3314</v>
      </c>
      <c r="F74" s="39">
        <v>132003</v>
      </c>
      <c r="G74" s="52">
        <v>5399</v>
      </c>
      <c r="H74" s="52">
        <v>122</v>
      </c>
      <c r="I74" s="39">
        <v>5521</v>
      </c>
      <c r="J74" s="52">
        <v>5675</v>
      </c>
      <c r="K74" s="52">
        <v>83</v>
      </c>
      <c r="L74" s="39">
        <v>5758</v>
      </c>
      <c r="M74" s="52">
        <v>5392</v>
      </c>
      <c r="N74" s="52">
        <v>45</v>
      </c>
      <c r="O74" s="39">
        <v>5437</v>
      </c>
      <c r="P74" s="52">
        <v>5245</v>
      </c>
      <c r="Q74" s="52">
        <v>74</v>
      </c>
      <c r="R74" s="39">
        <v>5319</v>
      </c>
      <c r="S74" s="52">
        <v>7412</v>
      </c>
      <c r="T74" s="52">
        <v>331</v>
      </c>
      <c r="U74" s="39">
        <v>7743</v>
      </c>
      <c r="V74" s="52">
        <v>12105</v>
      </c>
      <c r="W74" s="52">
        <v>631</v>
      </c>
      <c r="X74" s="39">
        <v>12736</v>
      </c>
      <c r="Y74" s="52">
        <v>10424</v>
      </c>
      <c r="Z74" s="52">
        <v>653</v>
      </c>
      <c r="AA74" s="39">
        <v>11077</v>
      </c>
      <c r="AB74" s="52">
        <v>10256</v>
      </c>
      <c r="AC74" s="52">
        <v>441</v>
      </c>
      <c r="AD74" s="39">
        <v>10697</v>
      </c>
      <c r="AE74" s="52">
        <v>10142</v>
      </c>
      <c r="AF74" s="52">
        <v>302</v>
      </c>
      <c r="AG74" s="39">
        <v>10444</v>
      </c>
      <c r="AH74" s="52">
        <v>11088</v>
      </c>
      <c r="AI74" s="52">
        <v>167</v>
      </c>
      <c r="AJ74" s="39">
        <v>11255</v>
      </c>
      <c r="AK74" s="52">
        <v>11006</v>
      </c>
      <c r="AL74" s="52">
        <v>149</v>
      </c>
      <c r="AM74" s="39">
        <v>11155</v>
      </c>
      <c r="AN74" s="52">
        <v>9340</v>
      </c>
      <c r="AO74" s="52">
        <v>97</v>
      </c>
      <c r="AP74" s="39">
        <v>9437</v>
      </c>
      <c r="AQ74" s="52">
        <v>6696</v>
      </c>
      <c r="AR74" s="52">
        <v>90</v>
      </c>
      <c r="AS74" s="39">
        <v>6786</v>
      </c>
      <c r="AT74" s="52">
        <v>5016</v>
      </c>
      <c r="AU74" s="52">
        <v>54</v>
      </c>
      <c r="AV74" s="39">
        <v>5070</v>
      </c>
      <c r="AW74" s="52">
        <v>4758</v>
      </c>
      <c r="AX74" s="52">
        <v>37</v>
      </c>
      <c r="AY74" s="39">
        <v>4795</v>
      </c>
      <c r="AZ74" s="52">
        <v>3799</v>
      </c>
      <c r="BA74" s="52">
        <v>22</v>
      </c>
      <c r="BB74" s="39">
        <v>3821</v>
      </c>
      <c r="BC74" s="52">
        <v>2730</v>
      </c>
      <c r="BD74" s="52">
        <v>8</v>
      </c>
      <c r="BE74" s="39">
        <v>2738</v>
      </c>
      <c r="BF74" s="52">
        <v>1445</v>
      </c>
      <c r="BG74" s="52">
        <v>6</v>
      </c>
      <c r="BH74" s="39">
        <v>1451</v>
      </c>
      <c r="BI74" s="52">
        <v>596</v>
      </c>
      <c r="BJ74" s="52">
        <v>2</v>
      </c>
      <c r="BK74" s="39">
        <v>598</v>
      </c>
      <c r="BL74" s="52">
        <v>152</v>
      </c>
      <c r="BM74" s="52">
        <v>0</v>
      </c>
      <c r="BN74" s="39">
        <v>152</v>
      </c>
      <c r="BO74" s="52">
        <v>13</v>
      </c>
      <c r="BP74" s="52">
        <v>0</v>
      </c>
      <c r="BQ74" s="41">
        <v>13</v>
      </c>
      <c r="BT74" s="66"/>
    </row>
    <row r="75" spans="1:72" x14ac:dyDescent="0.15">
      <c r="A75" s="53" t="s">
        <v>55</v>
      </c>
      <c r="B75" s="26" t="s">
        <v>31</v>
      </c>
      <c r="C75" s="68"/>
      <c r="D75" s="42">
        <v>126961</v>
      </c>
      <c r="E75" s="40">
        <v>3336</v>
      </c>
      <c r="F75" s="43">
        <v>130297</v>
      </c>
      <c r="G75" s="52">
        <v>5153</v>
      </c>
      <c r="H75" s="52">
        <v>63</v>
      </c>
      <c r="I75" s="43">
        <v>5216</v>
      </c>
      <c r="J75" s="52">
        <v>5447</v>
      </c>
      <c r="K75" s="52">
        <v>90</v>
      </c>
      <c r="L75" s="43">
        <v>5537</v>
      </c>
      <c r="M75" s="52">
        <v>5133</v>
      </c>
      <c r="N75" s="52">
        <v>67</v>
      </c>
      <c r="O75" s="43">
        <v>5200</v>
      </c>
      <c r="P75" s="52">
        <v>4750</v>
      </c>
      <c r="Q75" s="52">
        <v>81</v>
      </c>
      <c r="R75" s="43">
        <v>4831</v>
      </c>
      <c r="S75" s="52">
        <v>7372</v>
      </c>
      <c r="T75" s="52">
        <v>330</v>
      </c>
      <c r="U75" s="43">
        <v>7702</v>
      </c>
      <c r="V75" s="52">
        <v>11671</v>
      </c>
      <c r="W75" s="52">
        <v>601</v>
      </c>
      <c r="X75" s="43">
        <v>12272</v>
      </c>
      <c r="Y75" s="52">
        <v>10045</v>
      </c>
      <c r="Z75" s="52">
        <v>541</v>
      </c>
      <c r="AA75" s="43">
        <v>10586</v>
      </c>
      <c r="AB75" s="52">
        <v>9800</v>
      </c>
      <c r="AC75" s="52">
        <v>376</v>
      </c>
      <c r="AD75" s="43">
        <v>10176</v>
      </c>
      <c r="AE75" s="52">
        <v>9687</v>
      </c>
      <c r="AF75" s="52">
        <v>314</v>
      </c>
      <c r="AG75" s="43">
        <v>10001</v>
      </c>
      <c r="AH75" s="52">
        <v>10402</v>
      </c>
      <c r="AI75" s="52">
        <v>212</v>
      </c>
      <c r="AJ75" s="43">
        <v>10614</v>
      </c>
      <c r="AK75" s="52">
        <v>10546</v>
      </c>
      <c r="AL75" s="52">
        <v>191</v>
      </c>
      <c r="AM75" s="43">
        <v>10737</v>
      </c>
      <c r="AN75" s="52">
        <v>8257</v>
      </c>
      <c r="AO75" s="52">
        <v>168</v>
      </c>
      <c r="AP75" s="43">
        <v>8425</v>
      </c>
      <c r="AQ75" s="52">
        <v>5955</v>
      </c>
      <c r="AR75" s="52">
        <v>115</v>
      </c>
      <c r="AS75" s="43">
        <v>6070</v>
      </c>
      <c r="AT75" s="52">
        <v>4586</v>
      </c>
      <c r="AU75" s="52">
        <v>80</v>
      </c>
      <c r="AV75" s="43">
        <v>4666</v>
      </c>
      <c r="AW75" s="52">
        <v>5049</v>
      </c>
      <c r="AX75" s="52">
        <v>38</v>
      </c>
      <c r="AY75" s="43">
        <v>5087</v>
      </c>
      <c r="AZ75" s="52">
        <v>4367</v>
      </c>
      <c r="BA75" s="52">
        <v>31</v>
      </c>
      <c r="BB75" s="43">
        <v>4398</v>
      </c>
      <c r="BC75" s="52">
        <v>3749</v>
      </c>
      <c r="BD75" s="52">
        <v>17</v>
      </c>
      <c r="BE75" s="43">
        <v>3766</v>
      </c>
      <c r="BF75" s="52">
        <v>2757</v>
      </c>
      <c r="BG75" s="52">
        <v>14</v>
      </c>
      <c r="BH75" s="43">
        <v>2771</v>
      </c>
      <c r="BI75" s="52">
        <v>1610</v>
      </c>
      <c r="BJ75" s="52">
        <v>6</v>
      </c>
      <c r="BK75" s="43">
        <v>1616</v>
      </c>
      <c r="BL75" s="52">
        <v>528</v>
      </c>
      <c r="BM75" s="52">
        <v>1</v>
      </c>
      <c r="BN75" s="43">
        <v>529</v>
      </c>
      <c r="BO75" s="52">
        <v>97</v>
      </c>
      <c r="BP75" s="52">
        <v>0</v>
      </c>
      <c r="BQ75" s="44">
        <v>97</v>
      </c>
      <c r="BT75" s="66"/>
    </row>
    <row r="76" spans="1:72" ht="15" thickBot="1" x14ac:dyDescent="0.2">
      <c r="A76" s="54"/>
      <c r="B76" s="32" t="s">
        <v>32</v>
      </c>
      <c r="C76" s="69"/>
      <c r="D76" s="46">
        <v>255650</v>
      </c>
      <c r="E76" s="47">
        <v>6650</v>
      </c>
      <c r="F76" s="48">
        <v>262300</v>
      </c>
      <c r="G76" s="49">
        <v>10552</v>
      </c>
      <c r="H76" s="48">
        <v>185</v>
      </c>
      <c r="I76" s="48">
        <v>10737</v>
      </c>
      <c r="J76" s="49">
        <v>11122</v>
      </c>
      <c r="K76" s="48">
        <v>173</v>
      </c>
      <c r="L76" s="48">
        <v>11295</v>
      </c>
      <c r="M76" s="49">
        <v>10525</v>
      </c>
      <c r="N76" s="48">
        <v>112</v>
      </c>
      <c r="O76" s="48">
        <v>10637</v>
      </c>
      <c r="P76" s="49">
        <v>9995</v>
      </c>
      <c r="Q76" s="48">
        <v>155</v>
      </c>
      <c r="R76" s="48">
        <v>10150</v>
      </c>
      <c r="S76" s="49">
        <v>14784</v>
      </c>
      <c r="T76" s="48">
        <v>661</v>
      </c>
      <c r="U76" s="48">
        <v>15445</v>
      </c>
      <c r="V76" s="49">
        <v>23776</v>
      </c>
      <c r="W76" s="48">
        <v>1232</v>
      </c>
      <c r="X76" s="48">
        <v>25008</v>
      </c>
      <c r="Y76" s="49">
        <v>20469</v>
      </c>
      <c r="Z76" s="48">
        <v>1194</v>
      </c>
      <c r="AA76" s="48">
        <v>21663</v>
      </c>
      <c r="AB76" s="49">
        <v>20056</v>
      </c>
      <c r="AC76" s="48">
        <v>817</v>
      </c>
      <c r="AD76" s="48">
        <v>20873</v>
      </c>
      <c r="AE76" s="49">
        <v>19829</v>
      </c>
      <c r="AF76" s="48">
        <v>616</v>
      </c>
      <c r="AG76" s="48">
        <v>20445</v>
      </c>
      <c r="AH76" s="49">
        <v>21490</v>
      </c>
      <c r="AI76" s="48">
        <v>379</v>
      </c>
      <c r="AJ76" s="48">
        <v>21869</v>
      </c>
      <c r="AK76" s="49">
        <v>21552</v>
      </c>
      <c r="AL76" s="48">
        <v>340</v>
      </c>
      <c r="AM76" s="48">
        <v>21892</v>
      </c>
      <c r="AN76" s="49">
        <v>17597</v>
      </c>
      <c r="AO76" s="48">
        <v>265</v>
      </c>
      <c r="AP76" s="48">
        <v>17862</v>
      </c>
      <c r="AQ76" s="49">
        <v>12651</v>
      </c>
      <c r="AR76" s="48">
        <v>205</v>
      </c>
      <c r="AS76" s="48">
        <v>12856</v>
      </c>
      <c r="AT76" s="49">
        <v>9602</v>
      </c>
      <c r="AU76" s="48">
        <v>134</v>
      </c>
      <c r="AV76" s="48">
        <v>9736</v>
      </c>
      <c r="AW76" s="49">
        <v>9807</v>
      </c>
      <c r="AX76" s="48">
        <v>75</v>
      </c>
      <c r="AY76" s="48">
        <v>9882</v>
      </c>
      <c r="AZ76" s="49">
        <v>8166</v>
      </c>
      <c r="BA76" s="48">
        <v>53</v>
      </c>
      <c r="BB76" s="48">
        <v>8219</v>
      </c>
      <c r="BC76" s="49">
        <v>6479</v>
      </c>
      <c r="BD76" s="48">
        <v>25</v>
      </c>
      <c r="BE76" s="48">
        <v>6504</v>
      </c>
      <c r="BF76" s="49">
        <v>4202</v>
      </c>
      <c r="BG76" s="48">
        <v>20</v>
      </c>
      <c r="BH76" s="48">
        <v>4222</v>
      </c>
      <c r="BI76" s="49">
        <v>2206</v>
      </c>
      <c r="BJ76" s="48">
        <v>8</v>
      </c>
      <c r="BK76" s="48">
        <v>2214</v>
      </c>
      <c r="BL76" s="49">
        <v>680</v>
      </c>
      <c r="BM76" s="48">
        <v>1</v>
      </c>
      <c r="BN76" s="48">
        <v>681</v>
      </c>
      <c r="BO76" s="49">
        <v>110</v>
      </c>
      <c r="BP76" s="48">
        <v>0</v>
      </c>
      <c r="BQ76" s="50">
        <v>110</v>
      </c>
      <c r="BT76" s="66"/>
    </row>
    <row r="77" spans="1:72" x14ac:dyDescent="0.15">
      <c r="A77" s="53"/>
      <c r="B77" s="21" t="s">
        <v>29</v>
      </c>
      <c r="C77" s="67">
        <v>141348</v>
      </c>
      <c r="D77" s="37">
        <v>112469</v>
      </c>
      <c r="E77" s="38">
        <v>3072</v>
      </c>
      <c r="F77" s="39">
        <v>115541</v>
      </c>
      <c r="G77" s="52">
        <v>4229</v>
      </c>
      <c r="H77" s="52">
        <v>99</v>
      </c>
      <c r="I77" s="39">
        <v>4328</v>
      </c>
      <c r="J77" s="52">
        <v>4751</v>
      </c>
      <c r="K77" s="52">
        <v>84</v>
      </c>
      <c r="L77" s="39">
        <v>4835</v>
      </c>
      <c r="M77" s="52">
        <v>4924</v>
      </c>
      <c r="N77" s="52">
        <v>56</v>
      </c>
      <c r="O77" s="39">
        <v>4980</v>
      </c>
      <c r="P77" s="52">
        <v>5015</v>
      </c>
      <c r="Q77" s="52">
        <v>60</v>
      </c>
      <c r="R77" s="39">
        <v>5075</v>
      </c>
      <c r="S77" s="52">
        <v>6313</v>
      </c>
      <c r="T77" s="52">
        <v>350</v>
      </c>
      <c r="U77" s="39">
        <v>6663</v>
      </c>
      <c r="V77" s="52">
        <v>8697</v>
      </c>
      <c r="W77" s="52">
        <v>639</v>
      </c>
      <c r="X77" s="39">
        <v>9336</v>
      </c>
      <c r="Y77" s="52">
        <v>7759</v>
      </c>
      <c r="Z77" s="52">
        <v>573</v>
      </c>
      <c r="AA77" s="39">
        <v>8332</v>
      </c>
      <c r="AB77" s="52">
        <v>8053</v>
      </c>
      <c r="AC77" s="52">
        <v>363</v>
      </c>
      <c r="AD77" s="39">
        <v>8416</v>
      </c>
      <c r="AE77" s="52">
        <v>8503</v>
      </c>
      <c r="AF77" s="52">
        <v>267</v>
      </c>
      <c r="AG77" s="39">
        <v>8770</v>
      </c>
      <c r="AH77" s="52">
        <v>9627</v>
      </c>
      <c r="AI77" s="52">
        <v>164</v>
      </c>
      <c r="AJ77" s="39">
        <v>9791</v>
      </c>
      <c r="AK77" s="52">
        <v>10266</v>
      </c>
      <c r="AL77" s="52">
        <v>131</v>
      </c>
      <c r="AM77" s="39">
        <v>10397</v>
      </c>
      <c r="AN77" s="52">
        <v>8689</v>
      </c>
      <c r="AO77" s="52">
        <v>97</v>
      </c>
      <c r="AP77" s="39">
        <v>8786</v>
      </c>
      <c r="AQ77" s="52">
        <v>6330</v>
      </c>
      <c r="AR77" s="52">
        <v>71</v>
      </c>
      <c r="AS77" s="39">
        <v>6401</v>
      </c>
      <c r="AT77" s="52">
        <v>4587</v>
      </c>
      <c r="AU77" s="52">
        <v>42</v>
      </c>
      <c r="AV77" s="39">
        <v>4629</v>
      </c>
      <c r="AW77" s="52">
        <v>5137</v>
      </c>
      <c r="AX77" s="52">
        <v>26</v>
      </c>
      <c r="AY77" s="39">
        <v>5163</v>
      </c>
      <c r="AZ77" s="52">
        <v>4255</v>
      </c>
      <c r="BA77" s="52">
        <v>28</v>
      </c>
      <c r="BB77" s="39">
        <v>4283</v>
      </c>
      <c r="BC77" s="52">
        <v>2939</v>
      </c>
      <c r="BD77" s="52">
        <v>15</v>
      </c>
      <c r="BE77" s="39">
        <v>2954</v>
      </c>
      <c r="BF77" s="52">
        <v>1648</v>
      </c>
      <c r="BG77" s="52">
        <v>6</v>
      </c>
      <c r="BH77" s="39">
        <v>1654</v>
      </c>
      <c r="BI77" s="52">
        <v>611</v>
      </c>
      <c r="BJ77" s="52">
        <v>0</v>
      </c>
      <c r="BK77" s="39">
        <v>611</v>
      </c>
      <c r="BL77" s="52">
        <v>127</v>
      </c>
      <c r="BM77" s="52">
        <v>1</v>
      </c>
      <c r="BN77" s="39">
        <v>128</v>
      </c>
      <c r="BO77" s="52">
        <v>9</v>
      </c>
      <c r="BP77" s="52">
        <v>0</v>
      </c>
      <c r="BQ77" s="41">
        <v>9</v>
      </c>
      <c r="BT77" s="66"/>
    </row>
    <row r="78" spans="1:72" x14ac:dyDescent="0.15">
      <c r="A78" s="53" t="s">
        <v>56</v>
      </c>
      <c r="B78" s="26" t="s">
        <v>31</v>
      </c>
      <c r="C78" s="68"/>
      <c r="D78" s="42">
        <v>112821</v>
      </c>
      <c r="E78" s="40">
        <v>2948</v>
      </c>
      <c r="F78" s="43">
        <v>115769</v>
      </c>
      <c r="G78" s="52">
        <v>4129</v>
      </c>
      <c r="H78" s="52">
        <v>89</v>
      </c>
      <c r="I78" s="43">
        <v>4218</v>
      </c>
      <c r="J78" s="52">
        <v>4596</v>
      </c>
      <c r="K78" s="52">
        <v>80</v>
      </c>
      <c r="L78" s="43">
        <v>4676</v>
      </c>
      <c r="M78" s="52">
        <v>4643</v>
      </c>
      <c r="N78" s="52">
        <v>65</v>
      </c>
      <c r="O78" s="43">
        <v>4708</v>
      </c>
      <c r="P78" s="52">
        <v>4791</v>
      </c>
      <c r="Q78" s="52">
        <v>86</v>
      </c>
      <c r="R78" s="43">
        <v>4877</v>
      </c>
      <c r="S78" s="52">
        <v>6397</v>
      </c>
      <c r="T78" s="52">
        <v>277</v>
      </c>
      <c r="U78" s="43">
        <v>6674</v>
      </c>
      <c r="V78" s="52">
        <v>8573</v>
      </c>
      <c r="W78" s="52">
        <v>449</v>
      </c>
      <c r="X78" s="43">
        <v>9022</v>
      </c>
      <c r="Y78" s="52">
        <v>7238</v>
      </c>
      <c r="Z78" s="52">
        <v>433</v>
      </c>
      <c r="AA78" s="43">
        <v>7671</v>
      </c>
      <c r="AB78" s="52">
        <v>7636</v>
      </c>
      <c r="AC78" s="52">
        <v>321</v>
      </c>
      <c r="AD78" s="43">
        <v>7957</v>
      </c>
      <c r="AE78" s="52">
        <v>7887</v>
      </c>
      <c r="AF78" s="52">
        <v>257</v>
      </c>
      <c r="AG78" s="43">
        <v>8144</v>
      </c>
      <c r="AH78" s="52">
        <v>9180</v>
      </c>
      <c r="AI78" s="52">
        <v>201</v>
      </c>
      <c r="AJ78" s="43">
        <v>9381</v>
      </c>
      <c r="AK78" s="52">
        <v>9641</v>
      </c>
      <c r="AL78" s="52">
        <v>205</v>
      </c>
      <c r="AM78" s="43">
        <v>9846</v>
      </c>
      <c r="AN78" s="52">
        <v>7730</v>
      </c>
      <c r="AO78" s="52">
        <v>165</v>
      </c>
      <c r="AP78" s="43">
        <v>7895</v>
      </c>
      <c r="AQ78" s="52">
        <v>5782</v>
      </c>
      <c r="AR78" s="52">
        <v>123</v>
      </c>
      <c r="AS78" s="43">
        <v>5905</v>
      </c>
      <c r="AT78" s="52">
        <v>4723</v>
      </c>
      <c r="AU78" s="52">
        <v>85</v>
      </c>
      <c r="AV78" s="43">
        <v>4808</v>
      </c>
      <c r="AW78" s="52">
        <v>5574</v>
      </c>
      <c r="AX78" s="52">
        <v>44</v>
      </c>
      <c r="AY78" s="43">
        <v>5618</v>
      </c>
      <c r="AZ78" s="52">
        <v>5075</v>
      </c>
      <c r="BA78" s="52">
        <v>32</v>
      </c>
      <c r="BB78" s="43">
        <v>5107</v>
      </c>
      <c r="BC78" s="52">
        <v>4211</v>
      </c>
      <c r="BD78" s="52">
        <v>18</v>
      </c>
      <c r="BE78" s="43">
        <v>4229</v>
      </c>
      <c r="BF78" s="52">
        <v>2931</v>
      </c>
      <c r="BG78" s="52">
        <v>7</v>
      </c>
      <c r="BH78" s="43">
        <v>2938</v>
      </c>
      <c r="BI78" s="52">
        <v>1546</v>
      </c>
      <c r="BJ78" s="52">
        <v>9</v>
      </c>
      <c r="BK78" s="43">
        <v>1555</v>
      </c>
      <c r="BL78" s="52">
        <v>464</v>
      </c>
      <c r="BM78" s="52">
        <v>1</v>
      </c>
      <c r="BN78" s="43">
        <v>465</v>
      </c>
      <c r="BO78" s="52">
        <v>74</v>
      </c>
      <c r="BP78" s="52">
        <v>1</v>
      </c>
      <c r="BQ78" s="44">
        <v>75</v>
      </c>
      <c r="BT78" s="66"/>
    </row>
    <row r="79" spans="1:72" ht="15" thickBot="1" x14ac:dyDescent="0.2">
      <c r="A79" s="54"/>
      <c r="B79" s="32" t="s">
        <v>32</v>
      </c>
      <c r="C79" s="69"/>
      <c r="D79" s="46">
        <v>225290</v>
      </c>
      <c r="E79" s="47">
        <v>6020</v>
      </c>
      <c r="F79" s="48">
        <v>231310</v>
      </c>
      <c r="G79" s="49">
        <v>8358</v>
      </c>
      <c r="H79" s="48">
        <v>188</v>
      </c>
      <c r="I79" s="48">
        <v>8546</v>
      </c>
      <c r="J79" s="49">
        <v>9347</v>
      </c>
      <c r="K79" s="48">
        <v>164</v>
      </c>
      <c r="L79" s="48">
        <v>9511</v>
      </c>
      <c r="M79" s="49">
        <v>9567</v>
      </c>
      <c r="N79" s="48">
        <v>121</v>
      </c>
      <c r="O79" s="48">
        <v>9688</v>
      </c>
      <c r="P79" s="49">
        <v>9806</v>
      </c>
      <c r="Q79" s="48">
        <v>146</v>
      </c>
      <c r="R79" s="48">
        <v>9952</v>
      </c>
      <c r="S79" s="49">
        <v>12710</v>
      </c>
      <c r="T79" s="48">
        <v>627</v>
      </c>
      <c r="U79" s="48">
        <v>13337</v>
      </c>
      <c r="V79" s="49">
        <v>17270</v>
      </c>
      <c r="W79" s="48">
        <v>1088</v>
      </c>
      <c r="X79" s="48">
        <v>18358</v>
      </c>
      <c r="Y79" s="49">
        <v>14997</v>
      </c>
      <c r="Z79" s="48">
        <v>1006</v>
      </c>
      <c r="AA79" s="48">
        <v>16003</v>
      </c>
      <c r="AB79" s="49">
        <v>15689</v>
      </c>
      <c r="AC79" s="48">
        <v>684</v>
      </c>
      <c r="AD79" s="48">
        <v>16373</v>
      </c>
      <c r="AE79" s="49">
        <v>16390</v>
      </c>
      <c r="AF79" s="48">
        <v>524</v>
      </c>
      <c r="AG79" s="48">
        <v>16914</v>
      </c>
      <c r="AH79" s="49">
        <v>18807</v>
      </c>
      <c r="AI79" s="48">
        <v>365</v>
      </c>
      <c r="AJ79" s="48">
        <v>19172</v>
      </c>
      <c r="AK79" s="49">
        <v>19907</v>
      </c>
      <c r="AL79" s="48">
        <v>336</v>
      </c>
      <c r="AM79" s="48">
        <v>20243</v>
      </c>
      <c r="AN79" s="49">
        <v>16419</v>
      </c>
      <c r="AO79" s="48">
        <v>262</v>
      </c>
      <c r="AP79" s="48">
        <v>16681</v>
      </c>
      <c r="AQ79" s="49">
        <v>12112</v>
      </c>
      <c r="AR79" s="48">
        <v>194</v>
      </c>
      <c r="AS79" s="48">
        <v>12306</v>
      </c>
      <c r="AT79" s="49">
        <v>9310</v>
      </c>
      <c r="AU79" s="48">
        <v>127</v>
      </c>
      <c r="AV79" s="48">
        <v>9437</v>
      </c>
      <c r="AW79" s="49">
        <v>10711</v>
      </c>
      <c r="AX79" s="48">
        <v>70</v>
      </c>
      <c r="AY79" s="48">
        <v>10781</v>
      </c>
      <c r="AZ79" s="49">
        <v>9330</v>
      </c>
      <c r="BA79" s="48">
        <v>60</v>
      </c>
      <c r="BB79" s="48">
        <v>9390</v>
      </c>
      <c r="BC79" s="49">
        <v>7150</v>
      </c>
      <c r="BD79" s="48">
        <v>33</v>
      </c>
      <c r="BE79" s="48">
        <v>7183</v>
      </c>
      <c r="BF79" s="49">
        <v>4579</v>
      </c>
      <c r="BG79" s="48">
        <v>13</v>
      </c>
      <c r="BH79" s="48">
        <v>4592</v>
      </c>
      <c r="BI79" s="49">
        <v>2157</v>
      </c>
      <c r="BJ79" s="48">
        <v>9</v>
      </c>
      <c r="BK79" s="48">
        <v>2166</v>
      </c>
      <c r="BL79" s="49">
        <v>591</v>
      </c>
      <c r="BM79" s="48">
        <v>2</v>
      </c>
      <c r="BN79" s="48">
        <v>593</v>
      </c>
      <c r="BO79" s="49">
        <v>83</v>
      </c>
      <c r="BP79" s="48">
        <v>1</v>
      </c>
      <c r="BQ79" s="50">
        <v>84</v>
      </c>
      <c r="BT79" s="66"/>
    </row>
    <row r="80" spans="1:72" x14ac:dyDescent="0.15">
      <c r="A80" s="53"/>
      <c r="B80" s="21" t="s">
        <v>29</v>
      </c>
      <c r="C80" s="67">
        <v>141356</v>
      </c>
      <c r="D80" s="37">
        <v>107081</v>
      </c>
      <c r="E80" s="38">
        <v>2767</v>
      </c>
      <c r="F80" s="39">
        <v>109848</v>
      </c>
      <c r="G80" s="52">
        <v>3975</v>
      </c>
      <c r="H80" s="52">
        <v>102</v>
      </c>
      <c r="I80" s="39">
        <v>4077</v>
      </c>
      <c r="J80" s="52">
        <v>3904</v>
      </c>
      <c r="K80" s="52">
        <v>74</v>
      </c>
      <c r="L80" s="39">
        <v>3978</v>
      </c>
      <c r="M80" s="52">
        <v>3803</v>
      </c>
      <c r="N80" s="52">
        <v>42</v>
      </c>
      <c r="O80" s="39">
        <v>3845</v>
      </c>
      <c r="P80" s="52">
        <v>4206</v>
      </c>
      <c r="Q80" s="52">
        <v>70</v>
      </c>
      <c r="R80" s="39">
        <v>4276</v>
      </c>
      <c r="S80" s="52">
        <v>6863</v>
      </c>
      <c r="T80" s="52">
        <v>399</v>
      </c>
      <c r="U80" s="39">
        <v>7262</v>
      </c>
      <c r="V80" s="52">
        <v>9711</v>
      </c>
      <c r="W80" s="52">
        <v>613</v>
      </c>
      <c r="X80" s="39">
        <v>10324</v>
      </c>
      <c r="Y80" s="52">
        <v>8455</v>
      </c>
      <c r="Z80" s="52">
        <v>478</v>
      </c>
      <c r="AA80" s="39">
        <v>8933</v>
      </c>
      <c r="AB80" s="52">
        <v>7877</v>
      </c>
      <c r="AC80" s="52">
        <v>323</v>
      </c>
      <c r="AD80" s="39">
        <v>8200</v>
      </c>
      <c r="AE80" s="52">
        <v>7721</v>
      </c>
      <c r="AF80" s="52">
        <v>190</v>
      </c>
      <c r="AG80" s="39">
        <v>7911</v>
      </c>
      <c r="AH80" s="52">
        <v>8129</v>
      </c>
      <c r="AI80" s="52">
        <v>127</v>
      </c>
      <c r="AJ80" s="39">
        <v>8256</v>
      </c>
      <c r="AK80" s="52">
        <v>8918</v>
      </c>
      <c r="AL80" s="52">
        <v>123</v>
      </c>
      <c r="AM80" s="39">
        <v>9041</v>
      </c>
      <c r="AN80" s="52">
        <v>8039</v>
      </c>
      <c r="AO80" s="52">
        <v>80</v>
      </c>
      <c r="AP80" s="39">
        <v>8119</v>
      </c>
      <c r="AQ80" s="52">
        <v>6338</v>
      </c>
      <c r="AR80" s="52">
        <v>75</v>
      </c>
      <c r="AS80" s="39">
        <v>6413</v>
      </c>
      <c r="AT80" s="52">
        <v>4627</v>
      </c>
      <c r="AU80" s="52">
        <v>32</v>
      </c>
      <c r="AV80" s="39">
        <v>4659</v>
      </c>
      <c r="AW80" s="52">
        <v>4958</v>
      </c>
      <c r="AX80" s="52">
        <v>20</v>
      </c>
      <c r="AY80" s="39">
        <v>4978</v>
      </c>
      <c r="AZ80" s="52">
        <v>4023</v>
      </c>
      <c r="BA80" s="52">
        <v>4</v>
      </c>
      <c r="BB80" s="39">
        <v>4027</v>
      </c>
      <c r="BC80" s="52">
        <v>2948</v>
      </c>
      <c r="BD80" s="52">
        <v>8</v>
      </c>
      <c r="BE80" s="39">
        <v>2956</v>
      </c>
      <c r="BF80" s="52">
        <v>1705</v>
      </c>
      <c r="BG80" s="52">
        <v>6</v>
      </c>
      <c r="BH80" s="39">
        <v>1711</v>
      </c>
      <c r="BI80" s="52">
        <v>719</v>
      </c>
      <c r="BJ80" s="52">
        <v>1</v>
      </c>
      <c r="BK80" s="39">
        <v>720</v>
      </c>
      <c r="BL80" s="52">
        <v>148</v>
      </c>
      <c r="BM80" s="52">
        <v>0</v>
      </c>
      <c r="BN80" s="39">
        <v>148</v>
      </c>
      <c r="BO80" s="52">
        <v>14</v>
      </c>
      <c r="BP80" s="52">
        <v>0</v>
      </c>
      <c r="BQ80" s="41">
        <v>14</v>
      </c>
      <c r="BT80" s="66"/>
    </row>
    <row r="81" spans="1:72" x14ac:dyDescent="0.15">
      <c r="A81" s="53" t="s">
        <v>57</v>
      </c>
      <c r="B81" s="26" t="s">
        <v>31</v>
      </c>
      <c r="C81" s="68"/>
      <c r="D81" s="42">
        <v>103968</v>
      </c>
      <c r="E81" s="40">
        <v>2563</v>
      </c>
      <c r="F81" s="43">
        <v>106531</v>
      </c>
      <c r="G81" s="52">
        <v>3802</v>
      </c>
      <c r="H81" s="52">
        <v>83</v>
      </c>
      <c r="I81" s="43">
        <v>3885</v>
      </c>
      <c r="J81" s="52">
        <v>3619</v>
      </c>
      <c r="K81" s="52">
        <v>60</v>
      </c>
      <c r="L81" s="43">
        <v>3679</v>
      </c>
      <c r="M81" s="52">
        <v>3638</v>
      </c>
      <c r="N81" s="52">
        <v>43</v>
      </c>
      <c r="O81" s="43">
        <v>3681</v>
      </c>
      <c r="P81" s="52">
        <v>3871</v>
      </c>
      <c r="Q81" s="52">
        <v>57</v>
      </c>
      <c r="R81" s="43">
        <v>3928</v>
      </c>
      <c r="S81" s="52">
        <v>6785</v>
      </c>
      <c r="T81" s="52">
        <v>341</v>
      </c>
      <c r="U81" s="43">
        <v>7126</v>
      </c>
      <c r="V81" s="52">
        <v>9447</v>
      </c>
      <c r="W81" s="52">
        <v>440</v>
      </c>
      <c r="X81" s="43">
        <v>9887</v>
      </c>
      <c r="Y81" s="52">
        <v>7721</v>
      </c>
      <c r="Z81" s="52">
        <v>431</v>
      </c>
      <c r="AA81" s="43">
        <v>8152</v>
      </c>
      <c r="AB81" s="52">
        <v>6904</v>
      </c>
      <c r="AC81" s="52">
        <v>254</v>
      </c>
      <c r="AD81" s="43">
        <v>7158</v>
      </c>
      <c r="AE81" s="52">
        <v>6637</v>
      </c>
      <c r="AF81" s="52">
        <v>196</v>
      </c>
      <c r="AG81" s="43">
        <v>6833</v>
      </c>
      <c r="AH81" s="52">
        <v>7219</v>
      </c>
      <c r="AI81" s="52">
        <v>169</v>
      </c>
      <c r="AJ81" s="43">
        <v>7388</v>
      </c>
      <c r="AK81" s="52">
        <v>8056</v>
      </c>
      <c r="AL81" s="52">
        <v>157</v>
      </c>
      <c r="AM81" s="43">
        <v>8213</v>
      </c>
      <c r="AN81" s="52">
        <v>6918</v>
      </c>
      <c r="AO81" s="52">
        <v>139</v>
      </c>
      <c r="AP81" s="43">
        <v>7057</v>
      </c>
      <c r="AQ81" s="52">
        <v>5619</v>
      </c>
      <c r="AR81" s="52">
        <v>95</v>
      </c>
      <c r="AS81" s="43">
        <v>5714</v>
      </c>
      <c r="AT81" s="52">
        <v>4579</v>
      </c>
      <c r="AU81" s="52">
        <v>38</v>
      </c>
      <c r="AV81" s="43">
        <v>4617</v>
      </c>
      <c r="AW81" s="52">
        <v>5137</v>
      </c>
      <c r="AX81" s="52">
        <v>27</v>
      </c>
      <c r="AY81" s="43">
        <v>5164</v>
      </c>
      <c r="AZ81" s="52">
        <v>4784</v>
      </c>
      <c r="BA81" s="52">
        <v>16</v>
      </c>
      <c r="BB81" s="43">
        <v>4800</v>
      </c>
      <c r="BC81" s="52">
        <v>4149</v>
      </c>
      <c r="BD81" s="52">
        <v>10</v>
      </c>
      <c r="BE81" s="43">
        <v>4159</v>
      </c>
      <c r="BF81" s="52">
        <v>2978</v>
      </c>
      <c r="BG81" s="52">
        <v>5</v>
      </c>
      <c r="BH81" s="43">
        <v>2983</v>
      </c>
      <c r="BI81" s="52">
        <v>1534</v>
      </c>
      <c r="BJ81" s="52">
        <v>1</v>
      </c>
      <c r="BK81" s="43">
        <v>1535</v>
      </c>
      <c r="BL81" s="52">
        <v>491</v>
      </c>
      <c r="BM81" s="52">
        <v>1</v>
      </c>
      <c r="BN81" s="43">
        <v>492</v>
      </c>
      <c r="BO81" s="52">
        <v>80</v>
      </c>
      <c r="BP81" s="52">
        <v>0</v>
      </c>
      <c r="BQ81" s="44">
        <v>80</v>
      </c>
      <c r="BT81" s="66"/>
    </row>
    <row r="82" spans="1:72" ht="15" thickBot="1" x14ac:dyDescent="0.2">
      <c r="A82" s="54"/>
      <c r="B82" s="32" t="s">
        <v>32</v>
      </c>
      <c r="C82" s="69"/>
      <c r="D82" s="46">
        <v>211049</v>
      </c>
      <c r="E82" s="47">
        <v>5330</v>
      </c>
      <c r="F82" s="48">
        <v>216379</v>
      </c>
      <c r="G82" s="49">
        <v>7777</v>
      </c>
      <c r="H82" s="48">
        <v>185</v>
      </c>
      <c r="I82" s="48">
        <v>7962</v>
      </c>
      <c r="J82" s="49">
        <v>7523</v>
      </c>
      <c r="K82" s="48">
        <v>134</v>
      </c>
      <c r="L82" s="48">
        <v>7657</v>
      </c>
      <c r="M82" s="49">
        <v>7441</v>
      </c>
      <c r="N82" s="48">
        <v>85</v>
      </c>
      <c r="O82" s="48">
        <v>7526</v>
      </c>
      <c r="P82" s="49">
        <v>8077</v>
      </c>
      <c r="Q82" s="48">
        <v>127</v>
      </c>
      <c r="R82" s="48">
        <v>8204</v>
      </c>
      <c r="S82" s="49">
        <v>13648</v>
      </c>
      <c r="T82" s="48">
        <v>740</v>
      </c>
      <c r="U82" s="48">
        <v>14388</v>
      </c>
      <c r="V82" s="49">
        <v>19158</v>
      </c>
      <c r="W82" s="48">
        <v>1053</v>
      </c>
      <c r="X82" s="48">
        <v>20211</v>
      </c>
      <c r="Y82" s="49">
        <v>16176</v>
      </c>
      <c r="Z82" s="48">
        <v>909</v>
      </c>
      <c r="AA82" s="48">
        <v>17085</v>
      </c>
      <c r="AB82" s="49">
        <v>14781</v>
      </c>
      <c r="AC82" s="48">
        <v>577</v>
      </c>
      <c r="AD82" s="48">
        <v>15358</v>
      </c>
      <c r="AE82" s="49">
        <v>14358</v>
      </c>
      <c r="AF82" s="48">
        <v>386</v>
      </c>
      <c r="AG82" s="48">
        <v>14744</v>
      </c>
      <c r="AH82" s="49">
        <v>15348</v>
      </c>
      <c r="AI82" s="48">
        <v>296</v>
      </c>
      <c r="AJ82" s="48">
        <v>15644</v>
      </c>
      <c r="AK82" s="49">
        <v>16974</v>
      </c>
      <c r="AL82" s="48">
        <v>280</v>
      </c>
      <c r="AM82" s="48">
        <v>17254</v>
      </c>
      <c r="AN82" s="49">
        <v>14957</v>
      </c>
      <c r="AO82" s="48">
        <v>219</v>
      </c>
      <c r="AP82" s="48">
        <v>15176</v>
      </c>
      <c r="AQ82" s="49">
        <v>11957</v>
      </c>
      <c r="AR82" s="48">
        <v>170</v>
      </c>
      <c r="AS82" s="48">
        <v>12127</v>
      </c>
      <c r="AT82" s="49">
        <v>9206</v>
      </c>
      <c r="AU82" s="48">
        <v>70</v>
      </c>
      <c r="AV82" s="48">
        <v>9276</v>
      </c>
      <c r="AW82" s="49">
        <v>10095</v>
      </c>
      <c r="AX82" s="48">
        <v>47</v>
      </c>
      <c r="AY82" s="48">
        <v>10142</v>
      </c>
      <c r="AZ82" s="49">
        <v>8807</v>
      </c>
      <c r="BA82" s="48">
        <v>20</v>
      </c>
      <c r="BB82" s="48">
        <v>8827</v>
      </c>
      <c r="BC82" s="49">
        <v>7097</v>
      </c>
      <c r="BD82" s="48">
        <v>18</v>
      </c>
      <c r="BE82" s="48">
        <v>7115</v>
      </c>
      <c r="BF82" s="49">
        <v>4683</v>
      </c>
      <c r="BG82" s="48">
        <v>11</v>
      </c>
      <c r="BH82" s="48">
        <v>4694</v>
      </c>
      <c r="BI82" s="49">
        <v>2253</v>
      </c>
      <c r="BJ82" s="48">
        <v>2</v>
      </c>
      <c r="BK82" s="48">
        <v>2255</v>
      </c>
      <c r="BL82" s="49">
        <v>639</v>
      </c>
      <c r="BM82" s="48">
        <v>1</v>
      </c>
      <c r="BN82" s="48">
        <v>640</v>
      </c>
      <c r="BO82" s="49">
        <v>94</v>
      </c>
      <c r="BP82" s="48">
        <v>0</v>
      </c>
      <c r="BQ82" s="50">
        <v>94</v>
      </c>
      <c r="BT82" s="66"/>
    </row>
    <row r="83" spans="1:72" x14ac:dyDescent="0.15">
      <c r="A83" s="53"/>
      <c r="B83" s="21" t="s">
        <v>29</v>
      </c>
      <c r="C83" s="67">
        <v>141364</v>
      </c>
      <c r="D83" s="37">
        <v>112533</v>
      </c>
      <c r="E83" s="38">
        <v>2398</v>
      </c>
      <c r="F83" s="39">
        <v>114931</v>
      </c>
      <c r="G83" s="52">
        <v>4536</v>
      </c>
      <c r="H83" s="52">
        <v>80</v>
      </c>
      <c r="I83" s="39">
        <v>4616</v>
      </c>
      <c r="J83" s="52">
        <v>5434</v>
      </c>
      <c r="K83" s="52">
        <v>74</v>
      </c>
      <c r="L83" s="39">
        <v>5508</v>
      </c>
      <c r="M83" s="52">
        <v>5671</v>
      </c>
      <c r="N83" s="52">
        <v>36</v>
      </c>
      <c r="O83" s="39">
        <v>5707</v>
      </c>
      <c r="P83" s="52">
        <v>5572</v>
      </c>
      <c r="Q83" s="52">
        <v>76</v>
      </c>
      <c r="R83" s="39">
        <v>5648</v>
      </c>
      <c r="S83" s="52">
        <v>5957</v>
      </c>
      <c r="T83" s="52">
        <v>297</v>
      </c>
      <c r="U83" s="39">
        <v>6254</v>
      </c>
      <c r="V83" s="52">
        <v>6263</v>
      </c>
      <c r="W83" s="52">
        <v>413</v>
      </c>
      <c r="X83" s="39">
        <v>6676</v>
      </c>
      <c r="Y83" s="52">
        <v>6100</v>
      </c>
      <c r="Z83" s="52">
        <v>400</v>
      </c>
      <c r="AA83" s="39">
        <v>6500</v>
      </c>
      <c r="AB83" s="52">
        <v>7000</v>
      </c>
      <c r="AC83" s="52">
        <v>287</v>
      </c>
      <c r="AD83" s="39">
        <v>7287</v>
      </c>
      <c r="AE83" s="52">
        <v>8134</v>
      </c>
      <c r="AF83" s="52">
        <v>204</v>
      </c>
      <c r="AG83" s="39">
        <v>8338</v>
      </c>
      <c r="AH83" s="52">
        <v>9485</v>
      </c>
      <c r="AI83" s="52">
        <v>132</v>
      </c>
      <c r="AJ83" s="39">
        <v>9617</v>
      </c>
      <c r="AK83" s="52">
        <v>10152</v>
      </c>
      <c r="AL83" s="52">
        <v>123</v>
      </c>
      <c r="AM83" s="39">
        <v>10275</v>
      </c>
      <c r="AN83" s="52">
        <v>9407</v>
      </c>
      <c r="AO83" s="52">
        <v>84</v>
      </c>
      <c r="AP83" s="39">
        <v>9491</v>
      </c>
      <c r="AQ83" s="52">
        <v>7028</v>
      </c>
      <c r="AR83" s="52">
        <v>65</v>
      </c>
      <c r="AS83" s="39">
        <v>7093</v>
      </c>
      <c r="AT83" s="52">
        <v>5226</v>
      </c>
      <c r="AU83" s="52">
        <v>59</v>
      </c>
      <c r="AV83" s="39">
        <v>5285</v>
      </c>
      <c r="AW83" s="52">
        <v>5354</v>
      </c>
      <c r="AX83" s="52">
        <v>41</v>
      </c>
      <c r="AY83" s="39">
        <v>5395</v>
      </c>
      <c r="AZ83" s="52">
        <v>4675</v>
      </c>
      <c r="BA83" s="52">
        <v>14</v>
      </c>
      <c r="BB83" s="39">
        <v>4689</v>
      </c>
      <c r="BC83" s="52">
        <v>3626</v>
      </c>
      <c r="BD83" s="52">
        <v>6</v>
      </c>
      <c r="BE83" s="39">
        <v>3632</v>
      </c>
      <c r="BF83" s="52">
        <v>2027</v>
      </c>
      <c r="BG83" s="52">
        <v>7</v>
      </c>
      <c r="BH83" s="39">
        <v>2034</v>
      </c>
      <c r="BI83" s="52">
        <v>736</v>
      </c>
      <c r="BJ83" s="52">
        <v>0</v>
      </c>
      <c r="BK83" s="39">
        <v>736</v>
      </c>
      <c r="BL83" s="52">
        <v>134</v>
      </c>
      <c r="BM83" s="52">
        <v>0</v>
      </c>
      <c r="BN83" s="39">
        <v>134</v>
      </c>
      <c r="BO83" s="52">
        <v>16</v>
      </c>
      <c r="BP83" s="52">
        <v>0</v>
      </c>
      <c r="BQ83" s="41">
        <v>16</v>
      </c>
      <c r="BT83" s="66"/>
    </row>
    <row r="84" spans="1:72" x14ac:dyDescent="0.15">
      <c r="A84" s="53" t="s">
        <v>58</v>
      </c>
      <c r="B84" s="26" t="s">
        <v>31</v>
      </c>
      <c r="C84" s="68"/>
      <c r="D84" s="42">
        <v>117464</v>
      </c>
      <c r="E84" s="40">
        <v>2318</v>
      </c>
      <c r="F84" s="43">
        <v>119782</v>
      </c>
      <c r="G84" s="52">
        <v>4124</v>
      </c>
      <c r="H84" s="52">
        <v>67</v>
      </c>
      <c r="I84" s="43">
        <v>4191</v>
      </c>
      <c r="J84" s="52">
        <v>5260</v>
      </c>
      <c r="K84" s="52">
        <v>75</v>
      </c>
      <c r="L84" s="43">
        <v>5335</v>
      </c>
      <c r="M84" s="52">
        <v>5350</v>
      </c>
      <c r="N84" s="52">
        <v>43</v>
      </c>
      <c r="O84" s="43">
        <v>5393</v>
      </c>
      <c r="P84" s="52">
        <v>5298</v>
      </c>
      <c r="Q84" s="52">
        <v>69</v>
      </c>
      <c r="R84" s="43">
        <v>5367</v>
      </c>
      <c r="S84" s="52">
        <v>6283</v>
      </c>
      <c r="T84" s="52">
        <v>206</v>
      </c>
      <c r="U84" s="43">
        <v>6489</v>
      </c>
      <c r="V84" s="52">
        <v>6732</v>
      </c>
      <c r="W84" s="52">
        <v>305</v>
      </c>
      <c r="X84" s="43">
        <v>7037</v>
      </c>
      <c r="Y84" s="52">
        <v>6345</v>
      </c>
      <c r="Z84" s="52">
        <v>345</v>
      </c>
      <c r="AA84" s="43">
        <v>6690</v>
      </c>
      <c r="AB84" s="52">
        <v>7175</v>
      </c>
      <c r="AC84" s="52">
        <v>238</v>
      </c>
      <c r="AD84" s="43">
        <v>7413</v>
      </c>
      <c r="AE84" s="52">
        <v>8154</v>
      </c>
      <c r="AF84" s="52">
        <v>213</v>
      </c>
      <c r="AG84" s="43">
        <v>8367</v>
      </c>
      <c r="AH84" s="52">
        <v>9453</v>
      </c>
      <c r="AI84" s="52">
        <v>172</v>
      </c>
      <c r="AJ84" s="43">
        <v>9625</v>
      </c>
      <c r="AK84" s="52">
        <v>10346</v>
      </c>
      <c r="AL84" s="52">
        <v>172</v>
      </c>
      <c r="AM84" s="43">
        <v>10518</v>
      </c>
      <c r="AN84" s="52">
        <v>8832</v>
      </c>
      <c r="AO84" s="52">
        <v>153</v>
      </c>
      <c r="AP84" s="43">
        <v>8985</v>
      </c>
      <c r="AQ84" s="52">
        <v>6651</v>
      </c>
      <c r="AR84" s="52">
        <v>109</v>
      </c>
      <c r="AS84" s="43">
        <v>6760</v>
      </c>
      <c r="AT84" s="52">
        <v>5214</v>
      </c>
      <c r="AU84" s="52">
        <v>68</v>
      </c>
      <c r="AV84" s="43">
        <v>5282</v>
      </c>
      <c r="AW84" s="52">
        <v>6151</v>
      </c>
      <c r="AX84" s="52">
        <v>41</v>
      </c>
      <c r="AY84" s="43">
        <v>6192</v>
      </c>
      <c r="AZ84" s="52">
        <v>5759</v>
      </c>
      <c r="BA84" s="52">
        <v>24</v>
      </c>
      <c r="BB84" s="43">
        <v>5783</v>
      </c>
      <c r="BC84" s="52">
        <v>5051</v>
      </c>
      <c r="BD84" s="52">
        <v>12</v>
      </c>
      <c r="BE84" s="43">
        <v>5063</v>
      </c>
      <c r="BF84" s="52">
        <v>3179</v>
      </c>
      <c r="BG84" s="52">
        <v>6</v>
      </c>
      <c r="BH84" s="43">
        <v>3185</v>
      </c>
      <c r="BI84" s="52">
        <v>1572</v>
      </c>
      <c r="BJ84" s="52">
        <v>0</v>
      </c>
      <c r="BK84" s="43">
        <v>1572</v>
      </c>
      <c r="BL84" s="52">
        <v>467</v>
      </c>
      <c r="BM84" s="52">
        <v>0</v>
      </c>
      <c r="BN84" s="43">
        <v>467</v>
      </c>
      <c r="BO84" s="52">
        <v>68</v>
      </c>
      <c r="BP84" s="52">
        <v>0</v>
      </c>
      <c r="BQ84" s="44">
        <v>68</v>
      </c>
      <c r="BT84" s="66"/>
    </row>
    <row r="85" spans="1:72" ht="15" thickBot="1" x14ac:dyDescent="0.2">
      <c r="A85" s="54"/>
      <c r="B85" s="32" t="s">
        <v>32</v>
      </c>
      <c r="C85" s="69"/>
      <c r="D85" s="46">
        <v>229997</v>
      </c>
      <c r="E85" s="47">
        <v>4716</v>
      </c>
      <c r="F85" s="48">
        <v>234713</v>
      </c>
      <c r="G85" s="49">
        <v>8660</v>
      </c>
      <c r="H85" s="48">
        <v>147</v>
      </c>
      <c r="I85" s="48">
        <v>8807</v>
      </c>
      <c r="J85" s="49">
        <v>10694</v>
      </c>
      <c r="K85" s="48">
        <v>149</v>
      </c>
      <c r="L85" s="48">
        <v>10843</v>
      </c>
      <c r="M85" s="49">
        <v>11021</v>
      </c>
      <c r="N85" s="48">
        <v>79</v>
      </c>
      <c r="O85" s="48">
        <v>11100</v>
      </c>
      <c r="P85" s="49">
        <v>10870</v>
      </c>
      <c r="Q85" s="48">
        <v>145</v>
      </c>
      <c r="R85" s="48">
        <v>11015</v>
      </c>
      <c r="S85" s="49">
        <v>12240</v>
      </c>
      <c r="T85" s="48">
        <v>503</v>
      </c>
      <c r="U85" s="48">
        <v>12743</v>
      </c>
      <c r="V85" s="49">
        <v>12995</v>
      </c>
      <c r="W85" s="48">
        <v>718</v>
      </c>
      <c r="X85" s="48">
        <v>13713</v>
      </c>
      <c r="Y85" s="49">
        <v>12445</v>
      </c>
      <c r="Z85" s="48">
        <v>745</v>
      </c>
      <c r="AA85" s="48">
        <v>13190</v>
      </c>
      <c r="AB85" s="49">
        <v>14175</v>
      </c>
      <c r="AC85" s="48">
        <v>525</v>
      </c>
      <c r="AD85" s="48">
        <v>14700</v>
      </c>
      <c r="AE85" s="49">
        <v>16288</v>
      </c>
      <c r="AF85" s="48">
        <v>417</v>
      </c>
      <c r="AG85" s="48">
        <v>16705</v>
      </c>
      <c r="AH85" s="49">
        <v>18938</v>
      </c>
      <c r="AI85" s="48">
        <v>304</v>
      </c>
      <c r="AJ85" s="48">
        <v>19242</v>
      </c>
      <c r="AK85" s="49">
        <v>20498</v>
      </c>
      <c r="AL85" s="48">
        <v>295</v>
      </c>
      <c r="AM85" s="48">
        <v>20793</v>
      </c>
      <c r="AN85" s="49">
        <v>18239</v>
      </c>
      <c r="AO85" s="48">
        <v>237</v>
      </c>
      <c r="AP85" s="48">
        <v>18476</v>
      </c>
      <c r="AQ85" s="49">
        <v>13679</v>
      </c>
      <c r="AR85" s="48">
        <v>174</v>
      </c>
      <c r="AS85" s="48">
        <v>13853</v>
      </c>
      <c r="AT85" s="49">
        <v>10440</v>
      </c>
      <c r="AU85" s="48">
        <v>127</v>
      </c>
      <c r="AV85" s="48">
        <v>10567</v>
      </c>
      <c r="AW85" s="49">
        <v>11505</v>
      </c>
      <c r="AX85" s="48">
        <v>82</v>
      </c>
      <c r="AY85" s="48">
        <v>11587</v>
      </c>
      <c r="AZ85" s="49">
        <v>10434</v>
      </c>
      <c r="BA85" s="48">
        <v>38</v>
      </c>
      <c r="BB85" s="48">
        <v>10472</v>
      </c>
      <c r="BC85" s="49">
        <v>8677</v>
      </c>
      <c r="BD85" s="48">
        <v>18</v>
      </c>
      <c r="BE85" s="48">
        <v>8695</v>
      </c>
      <c r="BF85" s="49">
        <v>5206</v>
      </c>
      <c r="BG85" s="48">
        <v>13</v>
      </c>
      <c r="BH85" s="48">
        <v>5219</v>
      </c>
      <c r="BI85" s="49">
        <v>2308</v>
      </c>
      <c r="BJ85" s="48">
        <v>0</v>
      </c>
      <c r="BK85" s="48">
        <v>2308</v>
      </c>
      <c r="BL85" s="49">
        <v>601</v>
      </c>
      <c r="BM85" s="48">
        <v>0</v>
      </c>
      <c r="BN85" s="48">
        <v>601</v>
      </c>
      <c r="BO85" s="49">
        <v>84</v>
      </c>
      <c r="BP85" s="48">
        <v>0</v>
      </c>
      <c r="BQ85" s="50">
        <v>84</v>
      </c>
      <c r="BT85" s="66"/>
    </row>
    <row r="86" spans="1:72" x14ac:dyDescent="0.15">
      <c r="A86" s="53"/>
      <c r="B86" s="21" t="s">
        <v>29</v>
      </c>
      <c r="C86" s="67">
        <v>141372</v>
      </c>
      <c r="D86" s="37">
        <v>84664</v>
      </c>
      <c r="E86" s="38">
        <v>1864</v>
      </c>
      <c r="F86" s="39">
        <v>86528</v>
      </c>
      <c r="G86" s="52">
        <v>3092</v>
      </c>
      <c r="H86" s="52">
        <v>66</v>
      </c>
      <c r="I86" s="39">
        <v>3158</v>
      </c>
      <c r="J86" s="52">
        <v>3746</v>
      </c>
      <c r="K86" s="52">
        <v>63</v>
      </c>
      <c r="L86" s="39">
        <v>3809</v>
      </c>
      <c r="M86" s="52">
        <v>4278</v>
      </c>
      <c r="N86" s="52">
        <v>45</v>
      </c>
      <c r="O86" s="39">
        <v>4323</v>
      </c>
      <c r="P86" s="52">
        <v>4230</v>
      </c>
      <c r="Q86" s="52">
        <v>35</v>
      </c>
      <c r="R86" s="39">
        <v>4265</v>
      </c>
      <c r="S86" s="52">
        <v>4588</v>
      </c>
      <c r="T86" s="52">
        <v>265</v>
      </c>
      <c r="U86" s="39">
        <v>4853</v>
      </c>
      <c r="V86" s="52">
        <v>4511</v>
      </c>
      <c r="W86" s="52">
        <v>362</v>
      </c>
      <c r="X86" s="39">
        <v>4873</v>
      </c>
      <c r="Y86" s="52">
        <v>4328</v>
      </c>
      <c r="Z86" s="52">
        <v>297</v>
      </c>
      <c r="AA86" s="39">
        <v>4625</v>
      </c>
      <c r="AB86" s="52">
        <v>4906</v>
      </c>
      <c r="AC86" s="52">
        <v>188</v>
      </c>
      <c r="AD86" s="39">
        <v>5094</v>
      </c>
      <c r="AE86" s="52">
        <v>5618</v>
      </c>
      <c r="AF86" s="52">
        <v>164</v>
      </c>
      <c r="AG86" s="39">
        <v>5782</v>
      </c>
      <c r="AH86" s="52">
        <v>6769</v>
      </c>
      <c r="AI86" s="52">
        <v>98</v>
      </c>
      <c r="AJ86" s="39">
        <v>6867</v>
      </c>
      <c r="AK86" s="52">
        <v>7500</v>
      </c>
      <c r="AL86" s="52">
        <v>95</v>
      </c>
      <c r="AM86" s="39">
        <v>7595</v>
      </c>
      <c r="AN86" s="52">
        <v>6943</v>
      </c>
      <c r="AO86" s="52">
        <v>65</v>
      </c>
      <c r="AP86" s="39">
        <v>7008</v>
      </c>
      <c r="AQ86" s="52">
        <v>5369</v>
      </c>
      <c r="AR86" s="52">
        <v>48</v>
      </c>
      <c r="AS86" s="39">
        <v>5417</v>
      </c>
      <c r="AT86" s="52">
        <v>4325</v>
      </c>
      <c r="AU86" s="52">
        <v>31</v>
      </c>
      <c r="AV86" s="39">
        <v>4356</v>
      </c>
      <c r="AW86" s="52">
        <v>4367</v>
      </c>
      <c r="AX86" s="52">
        <v>18</v>
      </c>
      <c r="AY86" s="39">
        <v>4385</v>
      </c>
      <c r="AZ86" s="52">
        <v>4101</v>
      </c>
      <c r="BA86" s="52">
        <v>12</v>
      </c>
      <c r="BB86" s="39">
        <v>4113</v>
      </c>
      <c r="BC86" s="52">
        <v>3144</v>
      </c>
      <c r="BD86" s="52">
        <v>5</v>
      </c>
      <c r="BE86" s="39">
        <v>3149</v>
      </c>
      <c r="BF86" s="52">
        <v>1867</v>
      </c>
      <c r="BG86" s="52">
        <v>6</v>
      </c>
      <c r="BH86" s="39">
        <v>1873</v>
      </c>
      <c r="BI86" s="52">
        <v>806</v>
      </c>
      <c r="BJ86" s="52">
        <v>1</v>
      </c>
      <c r="BK86" s="39">
        <v>807</v>
      </c>
      <c r="BL86" s="52">
        <v>154</v>
      </c>
      <c r="BM86" s="52">
        <v>0</v>
      </c>
      <c r="BN86" s="39">
        <v>154</v>
      </c>
      <c r="BO86" s="52">
        <v>22</v>
      </c>
      <c r="BP86" s="52">
        <v>0</v>
      </c>
      <c r="BQ86" s="41">
        <v>22</v>
      </c>
      <c r="BT86" s="66"/>
    </row>
    <row r="87" spans="1:72" x14ac:dyDescent="0.15">
      <c r="A87" s="53" t="s">
        <v>59</v>
      </c>
      <c r="B87" s="26" t="s">
        <v>31</v>
      </c>
      <c r="C87" s="68"/>
      <c r="D87" s="42">
        <v>90000</v>
      </c>
      <c r="E87" s="40">
        <v>1686</v>
      </c>
      <c r="F87" s="43">
        <v>91686</v>
      </c>
      <c r="G87" s="52">
        <v>2715</v>
      </c>
      <c r="H87" s="52">
        <v>57</v>
      </c>
      <c r="I87" s="43">
        <v>2772</v>
      </c>
      <c r="J87" s="52">
        <v>3634</v>
      </c>
      <c r="K87" s="52">
        <v>44</v>
      </c>
      <c r="L87" s="43">
        <v>3678</v>
      </c>
      <c r="M87" s="52">
        <v>3969</v>
      </c>
      <c r="N87" s="52">
        <v>39</v>
      </c>
      <c r="O87" s="43">
        <v>4008</v>
      </c>
      <c r="P87" s="52">
        <v>4153</v>
      </c>
      <c r="Q87" s="52">
        <v>48</v>
      </c>
      <c r="R87" s="43">
        <v>4201</v>
      </c>
      <c r="S87" s="52">
        <v>5071</v>
      </c>
      <c r="T87" s="52">
        <v>210</v>
      </c>
      <c r="U87" s="43">
        <v>5281</v>
      </c>
      <c r="V87" s="52">
        <v>4908</v>
      </c>
      <c r="W87" s="52">
        <v>280</v>
      </c>
      <c r="X87" s="43">
        <v>5188</v>
      </c>
      <c r="Y87" s="52">
        <v>4524</v>
      </c>
      <c r="Z87" s="52">
        <v>243</v>
      </c>
      <c r="AA87" s="43">
        <v>4767</v>
      </c>
      <c r="AB87" s="52">
        <v>4763</v>
      </c>
      <c r="AC87" s="52">
        <v>161</v>
      </c>
      <c r="AD87" s="43">
        <v>4924</v>
      </c>
      <c r="AE87" s="52">
        <v>5659</v>
      </c>
      <c r="AF87" s="52">
        <v>159</v>
      </c>
      <c r="AG87" s="43">
        <v>5818</v>
      </c>
      <c r="AH87" s="52">
        <v>6927</v>
      </c>
      <c r="AI87" s="52">
        <v>111</v>
      </c>
      <c r="AJ87" s="43">
        <v>7038</v>
      </c>
      <c r="AK87" s="52">
        <v>7864</v>
      </c>
      <c r="AL87" s="52">
        <v>118</v>
      </c>
      <c r="AM87" s="43">
        <v>7982</v>
      </c>
      <c r="AN87" s="52">
        <v>6637</v>
      </c>
      <c r="AO87" s="52">
        <v>73</v>
      </c>
      <c r="AP87" s="43">
        <v>6710</v>
      </c>
      <c r="AQ87" s="52">
        <v>5268</v>
      </c>
      <c r="AR87" s="52">
        <v>57</v>
      </c>
      <c r="AS87" s="43">
        <v>5325</v>
      </c>
      <c r="AT87" s="52">
        <v>4469</v>
      </c>
      <c r="AU87" s="52">
        <v>37</v>
      </c>
      <c r="AV87" s="43">
        <v>4506</v>
      </c>
      <c r="AW87" s="52">
        <v>5171</v>
      </c>
      <c r="AX87" s="52">
        <v>18</v>
      </c>
      <c r="AY87" s="43">
        <v>5189</v>
      </c>
      <c r="AZ87" s="52">
        <v>5030</v>
      </c>
      <c r="BA87" s="52">
        <v>14</v>
      </c>
      <c r="BB87" s="43">
        <v>5044</v>
      </c>
      <c r="BC87" s="52">
        <v>4115</v>
      </c>
      <c r="BD87" s="52">
        <v>10</v>
      </c>
      <c r="BE87" s="43">
        <v>4125</v>
      </c>
      <c r="BF87" s="52">
        <v>2866</v>
      </c>
      <c r="BG87" s="52">
        <v>6</v>
      </c>
      <c r="BH87" s="43">
        <v>2872</v>
      </c>
      <c r="BI87" s="52">
        <v>1644</v>
      </c>
      <c r="BJ87" s="52">
        <v>1</v>
      </c>
      <c r="BK87" s="43">
        <v>1645</v>
      </c>
      <c r="BL87" s="52">
        <v>511</v>
      </c>
      <c r="BM87" s="52">
        <v>0</v>
      </c>
      <c r="BN87" s="43">
        <v>511</v>
      </c>
      <c r="BO87" s="52">
        <v>102</v>
      </c>
      <c r="BP87" s="52">
        <v>0</v>
      </c>
      <c r="BQ87" s="44">
        <v>102</v>
      </c>
      <c r="BT87" s="66"/>
    </row>
    <row r="88" spans="1:72" ht="15" thickBot="1" x14ac:dyDescent="0.2">
      <c r="A88" s="54"/>
      <c r="B88" s="32" t="s">
        <v>32</v>
      </c>
      <c r="C88" s="69"/>
      <c r="D88" s="46">
        <v>174664</v>
      </c>
      <c r="E88" s="47">
        <v>3550</v>
      </c>
      <c r="F88" s="48">
        <v>178214</v>
      </c>
      <c r="G88" s="49">
        <v>5807</v>
      </c>
      <c r="H88" s="48">
        <v>123</v>
      </c>
      <c r="I88" s="48">
        <v>5930</v>
      </c>
      <c r="J88" s="49">
        <v>7380</v>
      </c>
      <c r="K88" s="48">
        <v>107</v>
      </c>
      <c r="L88" s="48">
        <v>7487</v>
      </c>
      <c r="M88" s="49">
        <v>8247</v>
      </c>
      <c r="N88" s="48">
        <v>84</v>
      </c>
      <c r="O88" s="48">
        <v>8331</v>
      </c>
      <c r="P88" s="49">
        <v>8383</v>
      </c>
      <c r="Q88" s="48">
        <v>83</v>
      </c>
      <c r="R88" s="48">
        <v>8466</v>
      </c>
      <c r="S88" s="49">
        <v>9659</v>
      </c>
      <c r="T88" s="48">
        <v>475</v>
      </c>
      <c r="U88" s="48">
        <v>10134</v>
      </c>
      <c r="V88" s="49">
        <v>9419</v>
      </c>
      <c r="W88" s="48">
        <v>642</v>
      </c>
      <c r="X88" s="48">
        <v>10061</v>
      </c>
      <c r="Y88" s="49">
        <v>8852</v>
      </c>
      <c r="Z88" s="48">
        <v>540</v>
      </c>
      <c r="AA88" s="48">
        <v>9392</v>
      </c>
      <c r="AB88" s="49">
        <v>9669</v>
      </c>
      <c r="AC88" s="48">
        <v>349</v>
      </c>
      <c r="AD88" s="48">
        <v>10018</v>
      </c>
      <c r="AE88" s="49">
        <v>11277</v>
      </c>
      <c r="AF88" s="48">
        <v>323</v>
      </c>
      <c r="AG88" s="48">
        <v>11600</v>
      </c>
      <c r="AH88" s="49">
        <v>13696</v>
      </c>
      <c r="AI88" s="48">
        <v>209</v>
      </c>
      <c r="AJ88" s="48">
        <v>13905</v>
      </c>
      <c r="AK88" s="49">
        <v>15364</v>
      </c>
      <c r="AL88" s="48">
        <v>213</v>
      </c>
      <c r="AM88" s="48">
        <v>15577</v>
      </c>
      <c r="AN88" s="49">
        <v>13580</v>
      </c>
      <c r="AO88" s="48">
        <v>138</v>
      </c>
      <c r="AP88" s="48">
        <v>13718</v>
      </c>
      <c r="AQ88" s="49">
        <v>10637</v>
      </c>
      <c r="AR88" s="48">
        <v>105</v>
      </c>
      <c r="AS88" s="48">
        <v>10742</v>
      </c>
      <c r="AT88" s="49">
        <v>8794</v>
      </c>
      <c r="AU88" s="48">
        <v>68</v>
      </c>
      <c r="AV88" s="48">
        <v>8862</v>
      </c>
      <c r="AW88" s="49">
        <v>9538</v>
      </c>
      <c r="AX88" s="48">
        <v>36</v>
      </c>
      <c r="AY88" s="48">
        <v>9574</v>
      </c>
      <c r="AZ88" s="49">
        <v>9131</v>
      </c>
      <c r="BA88" s="48">
        <v>26</v>
      </c>
      <c r="BB88" s="48">
        <v>9157</v>
      </c>
      <c r="BC88" s="49">
        <v>7259</v>
      </c>
      <c r="BD88" s="48">
        <v>15</v>
      </c>
      <c r="BE88" s="48">
        <v>7274</v>
      </c>
      <c r="BF88" s="49">
        <v>4733</v>
      </c>
      <c r="BG88" s="48">
        <v>12</v>
      </c>
      <c r="BH88" s="48">
        <v>4745</v>
      </c>
      <c r="BI88" s="49">
        <v>2450</v>
      </c>
      <c r="BJ88" s="48">
        <v>2</v>
      </c>
      <c r="BK88" s="48">
        <v>2452</v>
      </c>
      <c r="BL88" s="49">
        <v>665</v>
      </c>
      <c r="BM88" s="48">
        <v>0</v>
      </c>
      <c r="BN88" s="48">
        <v>665</v>
      </c>
      <c r="BO88" s="49">
        <v>124</v>
      </c>
      <c r="BP88" s="48">
        <v>0</v>
      </c>
      <c r="BQ88" s="50">
        <v>124</v>
      </c>
      <c r="BT88" s="66"/>
    </row>
    <row r="89" spans="1:72" x14ac:dyDescent="0.15">
      <c r="A89" s="25"/>
      <c r="B89" s="21" t="s">
        <v>29</v>
      </c>
      <c r="C89" s="67">
        <v>141500</v>
      </c>
      <c r="D89" s="37">
        <v>350400</v>
      </c>
      <c r="E89" s="38">
        <v>9229</v>
      </c>
      <c r="F89" s="39">
        <v>359629</v>
      </c>
      <c r="G89" s="40">
        <v>11171</v>
      </c>
      <c r="H89" s="40">
        <v>324</v>
      </c>
      <c r="I89" s="39">
        <v>11495</v>
      </c>
      <c r="J89" s="40">
        <v>13554</v>
      </c>
      <c r="K89" s="40">
        <v>284</v>
      </c>
      <c r="L89" s="39">
        <v>13838</v>
      </c>
      <c r="M89" s="40">
        <v>14848</v>
      </c>
      <c r="N89" s="40">
        <v>249</v>
      </c>
      <c r="O89" s="39">
        <v>15097</v>
      </c>
      <c r="P89" s="40">
        <v>15777</v>
      </c>
      <c r="Q89" s="40">
        <v>254</v>
      </c>
      <c r="R89" s="39">
        <v>16031</v>
      </c>
      <c r="S89" s="40">
        <v>18000</v>
      </c>
      <c r="T89" s="40">
        <v>1393</v>
      </c>
      <c r="U89" s="39">
        <v>19393</v>
      </c>
      <c r="V89" s="40">
        <v>18786</v>
      </c>
      <c r="W89" s="40">
        <v>1817</v>
      </c>
      <c r="X89" s="39">
        <v>20603</v>
      </c>
      <c r="Y89" s="40">
        <v>19256</v>
      </c>
      <c r="Z89" s="40">
        <v>1395</v>
      </c>
      <c r="AA89" s="39">
        <v>20651</v>
      </c>
      <c r="AB89" s="40">
        <v>20841</v>
      </c>
      <c r="AC89" s="40">
        <v>919</v>
      </c>
      <c r="AD89" s="39">
        <v>21760</v>
      </c>
      <c r="AE89" s="40">
        <v>23656</v>
      </c>
      <c r="AF89" s="40">
        <v>625</v>
      </c>
      <c r="AG89" s="39">
        <v>24281</v>
      </c>
      <c r="AH89" s="40">
        <v>28279</v>
      </c>
      <c r="AI89" s="40">
        <v>479</v>
      </c>
      <c r="AJ89" s="39">
        <v>28758</v>
      </c>
      <c r="AK89" s="40">
        <v>32125</v>
      </c>
      <c r="AL89" s="40">
        <v>422</v>
      </c>
      <c r="AM89" s="39">
        <v>32547</v>
      </c>
      <c r="AN89" s="40">
        <v>27447</v>
      </c>
      <c r="AO89" s="40">
        <v>393</v>
      </c>
      <c r="AP89" s="39">
        <v>27840</v>
      </c>
      <c r="AQ89" s="40">
        <v>21423</v>
      </c>
      <c r="AR89" s="40">
        <v>296</v>
      </c>
      <c r="AS89" s="39">
        <v>21719</v>
      </c>
      <c r="AT89" s="40">
        <v>18510</v>
      </c>
      <c r="AU89" s="40">
        <v>175</v>
      </c>
      <c r="AV89" s="39">
        <v>18685</v>
      </c>
      <c r="AW89" s="40">
        <v>21527</v>
      </c>
      <c r="AX89" s="40">
        <v>101</v>
      </c>
      <c r="AY89" s="39">
        <v>21628</v>
      </c>
      <c r="AZ89" s="40">
        <v>18867</v>
      </c>
      <c r="BA89" s="40">
        <v>59</v>
      </c>
      <c r="BB89" s="39">
        <v>18926</v>
      </c>
      <c r="BC89" s="40">
        <v>15257</v>
      </c>
      <c r="BD89" s="40">
        <v>25</v>
      </c>
      <c r="BE89" s="39">
        <v>15282</v>
      </c>
      <c r="BF89" s="40">
        <v>8045</v>
      </c>
      <c r="BG89" s="40">
        <v>13</v>
      </c>
      <c r="BH89" s="39">
        <v>8058</v>
      </c>
      <c r="BI89" s="40">
        <v>2546</v>
      </c>
      <c r="BJ89" s="40">
        <v>4</v>
      </c>
      <c r="BK89" s="39">
        <v>2550</v>
      </c>
      <c r="BL89" s="40">
        <v>447</v>
      </c>
      <c r="BM89" s="40">
        <v>2</v>
      </c>
      <c r="BN89" s="39">
        <v>449</v>
      </c>
      <c r="BO89" s="40">
        <v>38</v>
      </c>
      <c r="BP89" s="40">
        <v>0</v>
      </c>
      <c r="BQ89" s="41">
        <v>38</v>
      </c>
      <c r="BT89" s="66"/>
    </row>
    <row r="90" spans="1:72" x14ac:dyDescent="0.15">
      <c r="A90" s="25" t="s">
        <v>60</v>
      </c>
      <c r="B90" s="26" t="s">
        <v>31</v>
      </c>
      <c r="C90" s="68"/>
      <c r="D90" s="42">
        <v>348753</v>
      </c>
      <c r="E90" s="40">
        <v>9479</v>
      </c>
      <c r="F90" s="43">
        <v>358232</v>
      </c>
      <c r="G90" s="40">
        <v>10747</v>
      </c>
      <c r="H90" s="40">
        <v>284</v>
      </c>
      <c r="I90" s="43">
        <v>11031</v>
      </c>
      <c r="J90" s="40">
        <v>12889</v>
      </c>
      <c r="K90" s="40">
        <v>265</v>
      </c>
      <c r="L90" s="43">
        <v>13154</v>
      </c>
      <c r="M90" s="40">
        <v>14353</v>
      </c>
      <c r="N90" s="40">
        <v>213</v>
      </c>
      <c r="O90" s="43">
        <v>14566</v>
      </c>
      <c r="P90" s="40">
        <v>15146</v>
      </c>
      <c r="Q90" s="40">
        <v>262</v>
      </c>
      <c r="R90" s="43">
        <v>15408</v>
      </c>
      <c r="S90" s="40">
        <v>17720</v>
      </c>
      <c r="T90" s="40">
        <v>1305</v>
      </c>
      <c r="U90" s="43">
        <v>19025</v>
      </c>
      <c r="V90" s="40">
        <v>17889</v>
      </c>
      <c r="W90" s="40">
        <v>1532</v>
      </c>
      <c r="X90" s="43">
        <v>19421</v>
      </c>
      <c r="Y90" s="40">
        <v>17334</v>
      </c>
      <c r="Z90" s="40">
        <v>1102</v>
      </c>
      <c r="AA90" s="43">
        <v>18436</v>
      </c>
      <c r="AB90" s="40">
        <v>18759</v>
      </c>
      <c r="AC90" s="40">
        <v>754</v>
      </c>
      <c r="AD90" s="43">
        <v>19513</v>
      </c>
      <c r="AE90" s="40">
        <v>21043</v>
      </c>
      <c r="AF90" s="40">
        <v>813</v>
      </c>
      <c r="AG90" s="43">
        <v>21856</v>
      </c>
      <c r="AH90" s="40">
        <v>25413</v>
      </c>
      <c r="AI90" s="40">
        <v>684</v>
      </c>
      <c r="AJ90" s="43">
        <v>26097</v>
      </c>
      <c r="AK90" s="40">
        <v>28992</v>
      </c>
      <c r="AL90" s="40">
        <v>704</v>
      </c>
      <c r="AM90" s="43">
        <v>29696</v>
      </c>
      <c r="AN90" s="40">
        <v>24539</v>
      </c>
      <c r="AO90" s="40">
        <v>626</v>
      </c>
      <c r="AP90" s="43">
        <v>25165</v>
      </c>
      <c r="AQ90" s="40">
        <v>20019</v>
      </c>
      <c r="AR90" s="40">
        <v>393</v>
      </c>
      <c r="AS90" s="43">
        <v>20412</v>
      </c>
      <c r="AT90" s="40">
        <v>18350</v>
      </c>
      <c r="AU90" s="40">
        <v>259</v>
      </c>
      <c r="AV90" s="43">
        <v>18609</v>
      </c>
      <c r="AW90" s="40">
        <v>23793</v>
      </c>
      <c r="AX90" s="40">
        <v>120</v>
      </c>
      <c r="AY90" s="43">
        <v>23913</v>
      </c>
      <c r="AZ90" s="40">
        <v>23387</v>
      </c>
      <c r="BA90" s="40">
        <v>80</v>
      </c>
      <c r="BB90" s="43">
        <v>23467</v>
      </c>
      <c r="BC90" s="40">
        <v>19441</v>
      </c>
      <c r="BD90" s="40">
        <v>49</v>
      </c>
      <c r="BE90" s="43">
        <v>19490</v>
      </c>
      <c r="BF90" s="40">
        <v>11389</v>
      </c>
      <c r="BG90" s="40">
        <v>23</v>
      </c>
      <c r="BH90" s="43">
        <v>11412</v>
      </c>
      <c r="BI90" s="40">
        <v>5629</v>
      </c>
      <c r="BJ90" s="40">
        <v>8</v>
      </c>
      <c r="BK90" s="43">
        <v>5637</v>
      </c>
      <c r="BL90" s="40">
        <v>1637</v>
      </c>
      <c r="BM90" s="40">
        <v>3</v>
      </c>
      <c r="BN90" s="43">
        <v>1640</v>
      </c>
      <c r="BO90" s="40">
        <v>284</v>
      </c>
      <c r="BP90" s="40">
        <v>0</v>
      </c>
      <c r="BQ90" s="44">
        <v>284</v>
      </c>
      <c r="BT90" s="66"/>
    </row>
    <row r="91" spans="1:72" ht="15" thickBot="1" x14ac:dyDescent="0.2">
      <c r="A91" s="45"/>
      <c r="B91" s="32" t="s">
        <v>32</v>
      </c>
      <c r="C91" s="69"/>
      <c r="D91" s="46">
        <v>699153</v>
      </c>
      <c r="E91" s="47">
        <v>18708</v>
      </c>
      <c r="F91" s="48">
        <v>717861</v>
      </c>
      <c r="G91" s="49">
        <v>21918</v>
      </c>
      <c r="H91" s="48">
        <v>608</v>
      </c>
      <c r="I91" s="48">
        <v>22526</v>
      </c>
      <c r="J91" s="49">
        <v>26443</v>
      </c>
      <c r="K91" s="48">
        <v>549</v>
      </c>
      <c r="L91" s="48">
        <v>26992</v>
      </c>
      <c r="M91" s="49">
        <v>29201</v>
      </c>
      <c r="N91" s="48">
        <v>462</v>
      </c>
      <c r="O91" s="48">
        <v>29663</v>
      </c>
      <c r="P91" s="49">
        <v>30923</v>
      </c>
      <c r="Q91" s="48">
        <v>516</v>
      </c>
      <c r="R91" s="48">
        <v>31439</v>
      </c>
      <c r="S91" s="49">
        <v>35720</v>
      </c>
      <c r="T91" s="48">
        <v>2698</v>
      </c>
      <c r="U91" s="48">
        <v>38418</v>
      </c>
      <c r="V91" s="49">
        <v>36675</v>
      </c>
      <c r="W91" s="48">
        <v>3349</v>
      </c>
      <c r="X91" s="48">
        <v>40024</v>
      </c>
      <c r="Y91" s="49">
        <v>36590</v>
      </c>
      <c r="Z91" s="48">
        <v>2497</v>
      </c>
      <c r="AA91" s="48">
        <v>39087</v>
      </c>
      <c r="AB91" s="49">
        <v>39600</v>
      </c>
      <c r="AC91" s="48">
        <v>1673</v>
      </c>
      <c r="AD91" s="48">
        <v>41273</v>
      </c>
      <c r="AE91" s="49">
        <v>44699</v>
      </c>
      <c r="AF91" s="48">
        <v>1438</v>
      </c>
      <c r="AG91" s="48">
        <v>46137</v>
      </c>
      <c r="AH91" s="49">
        <v>53692</v>
      </c>
      <c r="AI91" s="48">
        <v>1163</v>
      </c>
      <c r="AJ91" s="48">
        <v>54855</v>
      </c>
      <c r="AK91" s="49">
        <v>61117</v>
      </c>
      <c r="AL91" s="48">
        <v>1126</v>
      </c>
      <c r="AM91" s="48">
        <v>62243</v>
      </c>
      <c r="AN91" s="49">
        <v>51986</v>
      </c>
      <c r="AO91" s="48">
        <v>1019</v>
      </c>
      <c r="AP91" s="48">
        <v>53005</v>
      </c>
      <c r="AQ91" s="49">
        <v>41442</v>
      </c>
      <c r="AR91" s="48">
        <v>689</v>
      </c>
      <c r="AS91" s="48">
        <v>42131</v>
      </c>
      <c r="AT91" s="49">
        <v>36860</v>
      </c>
      <c r="AU91" s="48">
        <v>434</v>
      </c>
      <c r="AV91" s="48">
        <v>37294</v>
      </c>
      <c r="AW91" s="49">
        <v>45320</v>
      </c>
      <c r="AX91" s="48">
        <v>221</v>
      </c>
      <c r="AY91" s="48">
        <v>45541</v>
      </c>
      <c r="AZ91" s="49">
        <v>42254</v>
      </c>
      <c r="BA91" s="48">
        <v>139</v>
      </c>
      <c r="BB91" s="48">
        <v>42393</v>
      </c>
      <c r="BC91" s="49">
        <v>34698</v>
      </c>
      <c r="BD91" s="48">
        <v>74</v>
      </c>
      <c r="BE91" s="48">
        <v>34772</v>
      </c>
      <c r="BF91" s="49">
        <v>19434</v>
      </c>
      <c r="BG91" s="48">
        <v>36</v>
      </c>
      <c r="BH91" s="48">
        <v>19470</v>
      </c>
      <c r="BI91" s="49">
        <v>8175</v>
      </c>
      <c r="BJ91" s="48">
        <v>12</v>
      </c>
      <c r="BK91" s="48">
        <v>8187</v>
      </c>
      <c r="BL91" s="49">
        <v>2084</v>
      </c>
      <c r="BM91" s="48">
        <v>5</v>
      </c>
      <c r="BN91" s="48">
        <v>2089</v>
      </c>
      <c r="BO91" s="49">
        <v>322</v>
      </c>
      <c r="BP91" s="48">
        <v>0</v>
      </c>
      <c r="BQ91" s="50">
        <v>322</v>
      </c>
      <c r="BT91" s="66"/>
    </row>
    <row r="92" spans="1:72" x14ac:dyDescent="0.15">
      <c r="A92" s="53"/>
      <c r="B92" s="21" t="s">
        <v>29</v>
      </c>
      <c r="C92" s="67">
        <v>141518</v>
      </c>
      <c r="D92" s="37">
        <v>81979</v>
      </c>
      <c r="E92" s="38">
        <v>1956</v>
      </c>
      <c r="F92" s="39">
        <v>83935</v>
      </c>
      <c r="G92" s="52">
        <v>2383</v>
      </c>
      <c r="H92" s="52">
        <v>57</v>
      </c>
      <c r="I92" s="39">
        <v>2440</v>
      </c>
      <c r="J92" s="52">
        <v>2995</v>
      </c>
      <c r="K92" s="52">
        <v>52</v>
      </c>
      <c r="L92" s="39">
        <v>3047</v>
      </c>
      <c r="M92" s="52">
        <v>3398</v>
      </c>
      <c r="N92" s="52">
        <v>41</v>
      </c>
      <c r="O92" s="39">
        <v>3439</v>
      </c>
      <c r="P92" s="52">
        <v>3730</v>
      </c>
      <c r="Q92" s="52">
        <v>43</v>
      </c>
      <c r="R92" s="39">
        <v>3773</v>
      </c>
      <c r="S92" s="52">
        <v>4170</v>
      </c>
      <c r="T92" s="52">
        <v>338</v>
      </c>
      <c r="U92" s="39">
        <v>4508</v>
      </c>
      <c r="V92" s="52">
        <v>4041</v>
      </c>
      <c r="W92" s="52">
        <v>488</v>
      </c>
      <c r="X92" s="39">
        <v>4529</v>
      </c>
      <c r="Y92" s="52">
        <v>4111</v>
      </c>
      <c r="Z92" s="52">
        <v>275</v>
      </c>
      <c r="AA92" s="39">
        <v>4386</v>
      </c>
      <c r="AB92" s="52">
        <v>4650</v>
      </c>
      <c r="AC92" s="52">
        <v>171</v>
      </c>
      <c r="AD92" s="39">
        <v>4821</v>
      </c>
      <c r="AE92" s="52">
        <v>5288</v>
      </c>
      <c r="AF92" s="52">
        <v>91</v>
      </c>
      <c r="AG92" s="39">
        <v>5379</v>
      </c>
      <c r="AH92" s="52">
        <v>6577</v>
      </c>
      <c r="AI92" s="52">
        <v>106</v>
      </c>
      <c r="AJ92" s="39">
        <v>6683</v>
      </c>
      <c r="AK92" s="52">
        <v>7366</v>
      </c>
      <c r="AL92" s="52">
        <v>75</v>
      </c>
      <c r="AM92" s="39">
        <v>7441</v>
      </c>
      <c r="AN92" s="52">
        <v>5995</v>
      </c>
      <c r="AO92" s="52">
        <v>89</v>
      </c>
      <c r="AP92" s="39">
        <v>6084</v>
      </c>
      <c r="AQ92" s="52">
        <v>4941</v>
      </c>
      <c r="AR92" s="52">
        <v>57</v>
      </c>
      <c r="AS92" s="39">
        <v>4998</v>
      </c>
      <c r="AT92" s="52">
        <v>4741</v>
      </c>
      <c r="AU92" s="52">
        <v>36</v>
      </c>
      <c r="AV92" s="39">
        <v>4777</v>
      </c>
      <c r="AW92" s="52">
        <v>5924</v>
      </c>
      <c r="AX92" s="52">
        <v>19</v>
      </c>
      <c r="AY92" s="39">
        <v>5943</v>
      </c>
      <c r="AZ92" s="52">
        <v>5199</v>
      </c>
      <c r="BA92" s="52">
        <v>9</v>
      </c>
      <c r="BB92" s="39">
        <v>5208</v>
      </c>
      <c r="BC92" s="52">
        <v>4030</v>
      </c>
      <c r="BD92" s="52">
        <v>6</v>
      </c>
      <c r="BE92" s="39">
        <v>4036</v>
      </c>
      <c r="BF92" s="52">
        <v>1758</v>
      </c>
      <c r="BG92" s="52">
        <v>3</v>
      </c>
      <c r="BH92" s="39">
        <v>1761</v>
      </c>
      <c r="BI92" s="52">
        <v>561</v>
      </c>
      <c r="BJ92" s="52">
        <v>0</v>
      </c>
      <c r="BK92" s="39">
        <v>561</v>
      </c>
      <c r="BL92" s="52">
        <v>112</v>
      </c>
      <c r="BM92" s="52">
        <v>0</v>
      </c>
      <c r="BN92" s="39">
        <v>112</v>
      </c>
      <c r="BO92" s="52">
        <v>9</v>
      </c>
      <c r="BP92" s="52">
        <v>0</v>
      </c>
      <c r="BQ92" s="41">
        <v>9</v>
      </c>
      <c r="BT92" s="66"/>
    </row>
    <row r="93" spans="1:72" x14ac:dyDescent="0.15">
      <c r="A93" s="53" t="s">
        <v>46</v>
      </c>
      <c r="B93" s="26" t="s">
        <v>31</v>
      </c>
      <c r="C93" s="68"/>
      <c r="D93" s="42">
        <v>80708</v>
      </c>
      <c r="E93" s="40">
        <v>1982</v>
      </c>
      <c r="F93" s="43">
        <v>82690</v>
      </c>
      <c r="G93" s="52">
        <v>2274</v>
      </c>
      <c r="H93" s="52">
        <v>33</v>
      </c>
      <c r="I93" s="43">
        <v>2307</v>
      </c>
      <c r="J93" s="52">
        <v>2855</v>
      </c>
      <c r="K93" s="52">
        <v>51</v>
      </c>
      <c r="L93" s="43">
        <v>2906</v>
      </c>
      <c r="M93" s="52">
        <v>3390</v>
      </c>
      <c r="N93" s="52">
        <v>33</v>
      </c>
      <c r="O93" s="43">
        <v>3423</v>
      </c>
      <c r="P93" s="52">
        <v>3675</v>
      </c>
      <c r="Q93" s="52">
        <v>68</v>
      </c>
      <c r="R93" s="43">
        <v>3743</v>
      </c>
      <c r="S93" s="52">
        <v>3872</v>
      </c>
      <c r="T93" s="52">
        <v>379</v>
      </c>
      <c r="U93" s="43">
        <v>4251</v>
      </c>
      <c r="V93" s="52">
        <v>3618</v>
      </c>
      <c r="W93" s="52">
        <v>334</v>
      </c>
      <c r="X93" s="43">
        <v>3952</v>
      </c>
      <c r="Y93" s="52">
        <v>3487</v>
      </c>
      <c r="Z93" s="52">
        <v>211</v>
      </c>
      <c r="AA93" s="43">
        <v>3698</v>
      </c>
      <c r="AB93" s="52">
        <v>4071</v>
      </c>
      <c r="AC93" s="52">
        <v>139</v>
      </c>
      <c r="AD93" s="43">
        <v>4210</v>
      </c>
      <c r="AE93" s="52">
        <v>4783</v>
      </c>
      <c r="AF93" s="52">
        <v>145</v>
      </c>
      <c r="AG93" s="43">
        <v>4928</v>
      </c>
      <c r="AH93" s="52">
        <v>5845</v>
      </c>
      <c r="AI93" s="52">
        <v>140</v>
      </c>
      <c r="AJ93" s="43">
        <v>5985</v>
      </c>
      <c r="AK93" s="52">
        <v>6526</v>
      </c>
      <c r="AL93" s="52">
        <v>151</v>
      </c>
      <c r="AM93" s="43">
        <v>6677</v>
      </c>
      <c r="AN93" s="52">
        <v>5522</v>
      </c>
      <c r="AO93" s="52">
        <v>131</v>
      </c>
      <c r="AP93" s="43">
        <v>5653</v>
      </c>
      <c r="AQ93" s="52">
        <v>4639</v>
      </c>
      <c r="AR93" s="52">
        <v>69</v>
      </c>
      <c r="AS93" s="43">
        <v>4708</v>
      </c>
      <c r="AT93" s="52">
        <v>4829</v>
      </c>
      <c r="AU93" s="52">
        <v>49</v>
      </c>
      <c r="AV93" s="43">
        <v>4878</v>
      </c>
      <c r="AW93" s="52">
        <v>6563</v>
      </c>
      <c r="AX93" s="52">
        <v>19</v>
      </c>
      <c r="AY93" s="43">
        <v>6582</v>
      </c>
      <c r="AZ93" s="52">
        <v>6036</v>
      </c>
      <c r="BA93" s="52">
        <v>14</v>
      </c>
      <c r="BB93" s="43">
        <v>6050</v>
      </c>
      <c r="BC93" s="52">
        <v>4440</v>
      </c>
      <c r="BD93" s="52">
        <v>11</v>
      </c>
      <c r="BE93" s="43">
        <v>4451</v>
      </c>
      <c r="BF93" s="52">
        <v>2462</v>
      </c>
      <c r="BG93" s="52">
        <v>4</v>
      </c>
      <c r="BH93" s="43">
        <v>2466</v>
      </c>
      <c r="BI93" s="52">
        <v>1347</v>
      </c>
      <c r="BJ93" s="52">
        <v>1</v>
      </c>
      <c r="BK93" s="43">
        <v>1348</v>
      </c>
      <c r="BL93" s="52">
        <v>391</v>
      </c>
      <c r="BM93" s="52">
        <v>0</v>
      </c>
      <c r="BN93" s="43">
        <v>391</v>
      </c>
      <c r="BO93" s="52">
        <v>83</v>
      </c>
      <c r="BP93" s="52">
        <v>0</v>
      </c>
      <c r="BQ93" s="44">
        <v>83</v>
      </c>
      <c r="BT93" s="66"/>
    </row>
    <row r="94" spans="1:72" ht="15" thickBot="1" x14ac:dyDescent="0.2">
      <c r="A94" s="54"/>
      <c r="B94" s="32" t="s">
        <v>32</v>
      </c>
      <c r="C94" s="69"/>
      <c r="D94" s="46">
        <v>162687</v>
      </c>
      <c r="E94" s="47">
        <v>3938</v>
      </c>
      <c r="F94" s="48">
        <v>166625</v>
      </c>
      <c r="G94" s="49">
        <v>4657</v>
      </c>
      <c r="H94" s="48">
        <v>90</v>
      </c>
      <c r="I94" s="48">
        <v>4747</v>
      </c>
      <c r="J94" s="49">
        <v>5850</v>
      </c>
      <c r="K94" s="48">
        <v>103</v>
      </c>
      <c r="L94" s="48">
        <v>5953</v>
      </c>
      <c r="M94" s="49">
        <v>6788</v>
      </c>
      <c r="N94" s="48">
        <v>74</v>
      </c>
      <c r="O94" s="48">
        <v>6862</v>
      </c>
      <c r="P94" s="49">
        <v>7405</v>
      </c>
      <c r="Q94" s="48">
        <v>111</v>
      </c>
      <c r="R94" s="48">
        <v>7516</v>
      </c>
      <c r="S94" s="49">
        <v>8042</v>
      </c>
      <c r="T94" s="48">
        <v>717</v>
      </c>
      <c r="U94" s="48">
        <v>8759</v>
      </c>
      <c r="V94" s="49">
        <v>7659</v>
      </c>
      <c r="W94" s="48">
        <v>822</v>
      </c>
      <c r="X94" s="48">
        <v>8481</v>
      </c>
      <c r="Y94" s="49">
        <v>7598</v>
      </c>
      <c r="Z94" s="48">
        <v>486</v>
      </c>
      <c r="AA94" s="48">
        <v>8084</v>
      </c>
      <c r="AB94" s="49">
        <v>8721</v>
      </c>
      <c r="AC94" s="48">
        <v>310</v>
      </c>
      <c r="AD94" s="48">
        <v>9031</v>
      </c>
      <c r="AE94" s="49">
        <v>10071</v>
      </c>
      <c r="AF94" s="48">
        <v>236</v>
      </c>
      <c r="AG94" s="48">
        <v>10307</v>
      </c>
      <c r="AH94" s="49">
        <v>12422</v>
      </c>
      <c r="AI94" s="48">
        <v>246</v>
      </c>
      <c r="AJ94" s="48">
        <v>12668</v>
      </c>
      <c r="AK94" s="49">
        <v>13892</v>
      </c>
      <c r="AL94" s="48">
        <v>226</v>
      </c>
      <c r="AM94" s="48">
        <v>14118</v>
      </c>
      <c r="AN94" s="49">
        <v>11517</v>
      </c>
      <c r="AO94" s="48">
        <v>220</v>
      </c>
      <c r="AP94" s="48">
        <v>11737</v>
      </c>
      <c r="AQ94" s="49">
        <v>9580</v>
      </c>
      <c r="AR94" s="48">
        <v>126</v>
      </c>
      <c r="AS94" s="48">
        <v>9706</v>
      </c>
      <c r="AT94" s="49">
        <v>9570</v>
      </c>
      <c r="AU94" s="48">
        <v>85</v>
      </c>
      <c r="AV94" s="48">
        <v>9655</v>
      </c>
      <c r="AW94" s="49">
        <v>12487</v>
      </c>
      <c r="AX94" s="48">
        <v>38</v>
      </c>
      <c r="AY94" s="48">
        <v>12525</v>
      </c>
      <c r="AZ94" s="49">
        <v>11235</v>
      </c>
      <c r="BA94" s="48">
        <v>23</v>
      </c>
      <c r="BB94" s="48">
        <v>11258</v>
      </c>
      <c r="BC94" s="49">
        <v>8470</v>
      </c>
      <c r="BD94" s="48">
        <v>17</v>
      </c>
      <c r="BE94" s="48">
        <v>8487</v>
      </c>
      <c r="BF94" s="49">
        <v>4220</v>
      </c>
      <c r="BG94" s="48">
        <v>7</v>
      </c>
      <c r="BH94" s="48">
        <v>4227</v>
      </c>
      <c r="BI94" s="49">
        <v>1908</v>
      </c>
      <c r="BJ94" s="48">
        <v>1</v>
      </c>
      <c r="BK94" s="48">
        <v>1909</v>
      </c>
      <c r="BL94" s="49">
        <v>503</v>
      </c>
      <c r="BM94" s="48">
        <v>0</v>
      </c>
      <c r="BN94" s="48">
        <v>503</v>
      </c>
      <c r="BO94" s="49">
        <v>92</v>
      </c>
      <c r="BP94" s="48">
        <v>0</v>
      </c>
      <c r="BQ94" s="50">
        <v>92</v>
      </c>
      <c r="BT94" s="66"/>
    </row>
    <row r="95" spans="1:72" x14ac:dyDescent="0.15">
      <c r="A95" s="53"/>
      <c r="B95" s="21" t="s">
        <v>29</v>
      </c>
      <c r="C95" s="67">
        <v>141526</v>
      </c>
      <c r="D95" s="37">
        <v>133704</v>
      </c>
      <c r="E95" s="38">
        <v>3623</v>
      </c>
      <c r="F95" s="39">
        <v>137327</v>
      </c>
      <c r="G95" s="52">
        <v>4314</v>
      </c>
      <c r="H95" s="52">
        <v>111</v>
      </c>
      <c r="I95" s="39">
        <v>4425</v>
      </c>
      <c r="J95" s="52">
        <v>5368</v>
      </c>
      <c r="K95" s="52">
        <v>111</v>
      </c>
      <c r="L95" s="39">
        <v>5479</v>
      </c>
      <c r="M95" s="52">
        <v>5880</v>
      </c>
      <c r="N95" s="52">
        <v>114</v>
      </c>
      <c r="O95" s="39">
        <v>5994</v>
      </c>
      <c r="P95" s="52">
        <v>6191</v>
      </c>
      <c r="Q95" s="52">
        <v>111</v>
      </c>
      <c r="R95" s="39">
        <v>6302</v>
      </c>
      <c r="S95" s="52">
        <v>7029</v>
      </c>
      <c r="T95" s="52">
        <v>625</v>
      </c>
      <c r="U95" s="39">
        <v>7654</v>
      </c>
      <c r="V95" s="52">
        <v>7140</v>
      </c>
      <c r="W95" s="52">
        <v>675</v>
      </c>
      <c r="X95" s="39">
        <v>7815</v>
      </c>
      <c r="Y95" s="52">
        <v>7295</v>
      </c>
      <c r="Z95" s="52">
        <v>526</v>
      </c>
      <c r="AA95" s="39">
        <v>7821</v>
      </c>
      <c r="AB95" s="52">
        <v>7966</v>
      </c>
      <c r="AC95" s="52">
        <v>351</v>
      </c>
      <c r="AD95" s="39">
        <v>8317</v>
      </c>
      <c r="AE95" s="52">
        <v>8931</v>
      </c>
      <c r="AF95" s="52">
        <v>243</v>
      </c>
      <c r="AG95" s="39">
        <v>9174</v>
      </c>
      <c r="AH95" s="52">
        <v>10918</v>
      </c>
      <c r="AI95" s="52">
        <v>173</v>
      </c>
      <c r="AJ95" s="39">
        <v>11091</v>
      </c>
      <c r="AK95" s="52">
        <v>12568</v>
      </c>
      <c r="AL95" s="52">
        <v>164</v>
      </c>
      <c r="AM95" s="39">
        <v>12732</v>
      </c>
      <c r="AN95" s="52">
        <v>10674</v>
      </c>
      <c r="AO95" s="52">
        <v>143</v>
      </c>
      <c r="AP95" s="39">
        <v>10817</v>
      </c>
      <c r="AQ95" s="52">
        <v>8192</v>
      </c>
      <c r="AR95" s="52">
        <v>116</v>
      </c>
      <c r="AS95" s="39">
        <v>8308</v>
      </c>
      <c r="AT95" s="52">
        <v>7003</v>
      </c>
      <c r="AU95" s="52">
        <v>70</v>
      </c>
      <c r="AV95" s="39">
        <v>7073</v>
      </c>
      <c r="AW95" s="52">
        <v>7861</v>
      </c>
      <c r="AX95" s="52">
        <v>42</v>
      </c>
      <c r="AY95" s="39">
        <v>7903</v>
      </c>
      <c r="AZ95" s="52">
        <v>6893</v>
      </c>
      <c r="BA95" s="52">
        <v>26</v>
      </c>
      <c r="BB95" s="39">
        <v>6919</v>
      </c>
      <c r="BC95" s="52">
        <v>5618</v>
      </c>
      <c r="BD95" s="52">
        <v>10</v>
      </c>
      <c r="BE95" s="39">
        <v>5628</v>
      </c>
      <c r="BF95" s="52">
        <v>2899</v>
      </c>
      <c r="BG95" s="52">
        <v>8</v>
      </c>
      <c r="BH95" s="39">
        <v>2907</v>
      </c>
      <c r="BI95" s="52">
        <v>817</v>
      </c>
      <c r="BJ95" s="52">
        <v>2</v>
      </c>
      <c r="BK95" s="39">
        <v>819</v>
      </c>
      <c r="BL95" s="52">
        <v>135</v>
      </c>
      <c r="BM95" s="52">
        <v>2</v>
      </c>
      <c r="BN95" s="39">
        <v>137</v>
      </c>
      <c r="BO95" s="52">
        <v>12</v>
      </c>
      <c r="BP95" s="52">
        <v>0</v>
      </c>
      <c r="BQ95" s="41">
        <v>12</v>
      </c>
      <c r="BT95" s="66"/>
    </row>
    <row r="96" spans="1:72" x14ac:dyDescent="0.15">
      <c r="A96" s="53" t="s">
        <v>61</v>
      </c>
      <c r="B96" s="26" t="s">
        <v>31</v>
      </c>
      <c r="C96" s="68"/>
      <c r="D96" s="42">
        <v>131278</v>
      </c>
      <c r="E96" s="40">
        <v>3720</v>
      </c>
      <c r="F96" s="43">
        <v>134998</v>
      </c>
      <c r="G96" s="52">
        <v>4109</v>
      </c>
      <c r="H96" s="52">
        <v>120</v>
      </c>
      <c r="I96" s="43">
        <v>4229</v>
      </c>
      <c r="J96" s="52">
        <v>5069</v>
      </c>
      <c r="K96" s="52">
        <v>97</v>
      </c>
      <c r="L96" s="43">
        <v>5166</v>
      </c>
      <c r="M96" s="52">
        <v>5569</v>
      </c>
      <c r="N96" s="52">
        <v>102</v>
      </c>
      <c r="O96" s="43">
        <v>5671</v>
      </c>
      <c r="P96" s="52">
        <v>5928</v>
      </c>
      <c r="Q96" s="52">
        <v>110</v>
      </c>
      <c r="R96" s="43">
        <v>6038</v>
      </c>
      <c r="S96" s="52">
        <v>6721</v>
      </c>
      <c r="T96" s="52">
        <v>445</v>
      </c>
      <c r="U96" s="43">
        <v>7166</v>
      </c>
      <c r="V96" s="52">
        <v>6713</v>
      </c>
      <c r="W96" s="52">
        <v>503</v>
      </c>
      <c r="X96" s="43">
        <v>7216</v>
      </c>
      <c r="Y96" s="52">
        <v>6636</v>
      </c>
      <c r="Z96" s="52">
        <v>377</v>
      </c>
      <c r="AA96" s="43">
        <v>7013</v>
      </c>
      <c r="AB96" s="52">
        <v>7150</v>
      </c>
      <c r="AC96" s="52">
        <v>293</v>
      </c>
      <c r="AD96" s="43">
        <v>7443</v>
      </c>
      <c r="AE96" s="52">
        <v>7939</v>
      </c>
      <c r="AF96" s="52">
        <v>368</v>
      </c>
      <c r="AG96" s="43">
        <v>8307</v>
      </c>
      <c r="AH96" s="52">
        <v>9675</v>
      </c>
      <c r="AI96" s="52">
        <v>292</v>
      </c>
      <c r="AJ96" s="43">
        <v>9967</v>
      </c>
      <c r="AK96" s="52">
        <v>11122</v>
      </c>
      <c r="AL96" s="52">
        <v>320</v>
      </c>
      <c r="AM96" s="43">
        <v>11442</v>
      </c>
      <c r="AN96" s="52">
        <v>9301</v>
      </c>
      <c r="AO96" s="52">
        <v>280</v>
      </c>
      <c r="AP96" s="43">
        <v>9581</v>
      </c>
      <c r="AQ96" s="52">
        <v>7581</v>
      </c>
      <c r="AR96" s="52">
        <v>176</v>
      </c>
      <c r="AS96" s="43">
        <v>7757</v>
      </c>
      <c r="AT96" s="52">
        <v>6632</v>
      </c>
      <c r="AU96" s="52">
        <v>106</v>
      </c>
      <c r="AV96" s="43">
        <v>6738</v>
      </c>
      <c r="AW96" s="52">
        <v>8622</v>
      </c>
      <c r="AX96" s="52">
        <v>56</v>
      </c>
      <c r="AY96" s="43">
        <v>8678</v>
      </c>
      <c r="AZ96" s="52">
        <v>8682</v>
      </c>
      <c r="BA96" s="52">
        <v>37</v>
      </c>
      <c r="BB96" s="43">
        <v>8719</v>
      </c>
      <c r="BC96" s="52">
        <v>7223</v>
      </c>
      <c r="BD96" s="52">
        <v>24</v>
      </c>
      <c r="BE96" s="43">
        <v>7247</v>
      </c>
      <c r="BF96" s="52">
        <v>4021</v>
      </c>
      <c r="BG96" s="52">
        <v>9</v>
      </c>
      <c r="BH96" s="43">
        <v>4030</v>
      </c>
      <c r="BI96" s="52">
        <v>1964</v>
      </c>
      <c r="BJ96" s="52">
        <v>3</v>
      </c>
      <c r="BK96" s="43">
        <v>1967</v>
      </c>
      <c r="BL96" s="52">
        <v>533</v>
      </c>
      <c r="BM96" s="52">
        <v>2</v>
      </c>
      <c r="BN96" s="43">
        <v>535</v>
      </c>
      <c r="BO96" s="52">
        <v>88</v>
      </c>
      <c r="BP96" s="52">
        <v>0</v>
      </c>
      <c r="BQ96" s="44">
        <v>88</v>
      </c>
      <c r="BT96" s="66"/>
    </row>
    <row r="97" spans="1:72" ht="15" thickBot="1" x14ac:dyDescent="0.2">
      <c r="A97" s="54"/>
      <c r="B97" s="32" t="s">
        <v>32</v>
      </c>
      <c r="C97" s="69"/>
      <c r="D97" s="46">
        <v>264982</v>
      </c>
      <c r="E97" s="47">
        <v>7343</v>
      </c>
      <c r="F97" s="48">
        <v>272325</v>
      </c>
      <c r="G97" s="49">
        <v>8423</v>
      </c>
      <c r="H97" s="48">
        <v>231</v>
      </c>
      <c r="I97" s="48">
        <v>8654</v>
      </c>
      <c r="J97" s="49">
        <v>10437</v>
      </c>
      <c r="K97" s="48">
        <v>208</v>
      </c>
      <c r="L97" s="48">
        <v>10645</v>
      </c>
      <c r="M97" s="49">
        <v>11449</v>
      </c>
      <c r="N97" s="48">
        <v>216</v>
      </c>
      <c r="O97" s="48">
        <v>11665</v>
      </c>
      <c r="P97" s="49">
        <v>12119</v>
      </c>
      <c r="Q97" s="48">
        <v>221</v>
      </c>
      <c r="R97" s="48">
        <v>12340</v>
      </c>
      <c r="S97" s="49">
        <v>13750</v>
      </c>
      <c r="T97" s="48">
        <v>1070</v>
      </c>
      <c r="U97" s="48">
        <v>14820</v>
      </c>
      <c r="V97" s="49">
        <v>13853</v>
      </c>
      <c r="W97" s="48">
        <v>1178</v>
      </c>
      <c r="X97" s="48">
        <v>15031</v>
      </c>
      <c r="Y97" s="49">
        <v>13931</v>
      </c>
      <c r="Z97" s="48">
        <v>903</v>
      </c>
      <c r="AA97" s="48">
        <v>14834</v>
      </c>
      <c r="AB97" s="49">
        <v>15116</v>
      </c>
      <c r="AC97" s="48">
        <v>644</v>
      </c>
      <c r="AD97" s="48">
        <v>15760</v>
      </c>
      <c r="AE97" s="49">
        <v>16870</v>
      </c>
      <c r="AF97" s="48">
        <v>611</v>
      </c>
      <c r="AG97" s="48">
        <v>17481</v>
      </c>
      <c r="AH97" s="49">
        <v>20593</v>
      </c>
      <c r="AI97" s="48">
        <v>465</v>
      </c>
      <c r="AJ97" s="48">
        <v>21058</v>
      </c>
      <c r="AK97" s="49">
        <v>23690</v>
      </c>
      <c r="AL97" s="48">
        <v>484</v>
      </c>
      <c r="AM97" s="48">
        <v>24174</v>
      </c>
      <c r="AN97" s="49">
        <v>19975</v>
      </c>
      <c r="AO97" s="48">
        <v>423</v>
      </c>
      <c r="AP97" s="48">
        <v>20398</v>
      </c>
      <c r="AQ97" s="49">
        <v>15773</v>
      </c>
      <c r="AR97" s="48">
        <v>292</v>
      </c>
      <c r="AS97" s="48">
        <v>16065</v>
      </c>
      <c r="AT97" s="49">
        <v>13635</v>
      </c>
      <c r="AU97" s="48">
        <v>176</v>
      </c>
      <c r="AV97" s="48">
        <v>13811</v>
      </c>
      <c r="AW97" s="49">
        <v>16483</v>
      </c>
      <c r="AX97" s="48">
        <v>98</v>
      </c>
      <c r="AY97" s="48">
        <v>16581</v>
      </c>
      <c r="AZ97" s="49">
        <v>15575</v>
      </c>
      <c r="BA97" s="48">
        <v>63</v>
      </c>
      <c r="BB97" s="48">
        <v>15638</v>
      </c>
      <c r="BC97" s="49">
        <v>12841</v>
      </c>
      <c r="BD97" s="48">
        <v>34</v>
      </c>
      <c r="BE97" s="48">
        <v>12875</v>
      </c>
      <c r="BF97" s="49">
        <v>6920</v>
      </c>
      <c r="BG97" s="48">
        <v>17</v>
      </c>
      <c r="BH97" s="48">
        <v>6937</v>
      </c>
      <c r="BI97" s="49">
        <v>2781</v>
      </c>
      <c r="BJ97" s="48">
        <v>5</v>
      </c>
      <c r="BK97" s="48">
        <v>2786</v>
      </c>
      <c r="BL97" s="49">
        <v>668</v>
      </c>
      <c r="BM97" s="48">
        <v>4</v>
      </c>
      <c r="BN97" s="48">
        <v>672</v>
      </c>
      <c r="BO97" s="49">
        <v>100</v>
      </c>
      <c r="BP97" s="48">
        <v>0</v>
      </c>
      <c r="BQ97" s="50">
        <v>100</v>
      </c>
      <c r="BT97" s="66"/>
    </row>
    <row r="98" spans="1:72" x14ac:dyDescent="0.15">
      <c r="A98" s="53"/>
      <c r="B98" s="21" t="s">
        <v>29</v>
      </c>
      <c r="C98" s="67">
        <v>141534</v>
      </c>
      <c r="D98" s="37">
        <v>134717</v>
      </c>
      <c r="E98" s="38">
        <v>3650</v>
      </c>
      <c r="F98" s="39">
        <v>138367</v>
      </c>
      <c r="G98" s="52">
        <v>4474</v>
      </c>
      <c r="H98" s="52">
        <v>156</v>
      </c>
      <c r="I98" s="39">
        <v>4630</v>
      </c>
      <c r="J98" s="52">
        <v>5191</v>
      </c>
      <c r="K98" s="52">
        <v>121</v>
      </c>
      <c r="L98" s="39">
        <v>5312</v>
      </c>
      <c r="M98" s="52">
        <v>5570</v>
      </c>
      <c r="N98" s="52">
        <v>94</v>
      </c>
      <c r="O98" s="39">
        <v>5664</v>
      </c>
      <c r="P98" s="52">
        <v>5856</v>
      </c>
      <c r="Q98" s="52">
        <v>100</v>
      </c>
      <c r="R98" s="39">
        <v>5956</v>
      </c>
      <c r="S98" s="52">
        <v>6801</v>
      </c>
      <c r="T98" s="52">
        <v>430</v>
      </c>
      <c r="U98" s="39">
        <v>7231</v>
      </c>
      <c r="V98" s="52">
        <v>7605</v>
      </c>
      <c r="W98" s="52">
        <v>654</v>
      </c>
      <c r="X98" s="39">
        <v>8259</v>
      </c>
      <c r="Y98" s="52">
        <v>7850</v>
      </c>
      <c r="Z98" s="52">
        <v>594</v>
      </c>
      <c r="AA98" s="39">
        <v>8444</v>
      </c>
      <c r="AB98" s="52">
        <v>8225</v>
      </c>
      <c r="AC98" s="52">
        <v>397</v>
      </c>
      <c r="AD98" s="39">
        <v>8622</v>
      </c>
      <c r="AE98" s="52">
        <v>9437</v>
      </c>
      <c r="AF98" s="52">
        <v>291</v>
      </c>
      <c r="AG98" s="39">
        <v>9728</v>
      </c>
      <c r="AH98" s="52">
        <v>10784</v>
      </c>
      <c r="AI98" s="52">
        <v>200</v>
      </c>
      <c r="AJ98" s="39">
        <v>10984</v>
      </c>
      <c r="AK98" s="52">
        <v>12191</v>
      </c>
      <c r="AL98" s="52">
        <v>183</v>
      </c>
      <c r="AM98" s="39">
        <v>12374</v>
      </c>
      <c r="AN98" s="52">
        <v>10778</v>
      </c>
      <c r="AO98" s="52">
        <v>161</v>
      </c>
      <c r="AP98" s="39">
        <v>10939</v>
      </c>
      <c r="AQ98" s="52">
        <v>8290</v>
      </c>
      <c r="AR98" s="52">
        <v>123</v>
      </c>
      <c r="AS98" s="39">
        <v>8413</v>
      </c>
      <c r="AT98" s="52">
        <v>6766</v>
      </c>
      <c r="AU98" s="52">
        <v>69</v>
      </c>
      <c r="AV98" s="39">
        <v>6835</v>
      </c>
      <c r="AW98" s="52">
        <v>7742</v>
      </c>
      <c r="AX98" s="52">
        <v>40</v>
      </c>
      <c r="AY98" s="39">
        <v>7782</v>
      </c>
      <c r="AZ98" s="52">
        <v>6775</v>
      </c>
      <c r="BA98" s="52">
        <v>24</v>
      </c>
      <c r="BB98" s="39">
        <v>6799</v>
      </c>
      <c r="BC98" s="52">
        <v>5609</v>
      </c>
      <c r="BD98" s="52">
        <v>9</v>
      </c>
      <c r="BE98" s="39">
        <v>5618</v>
      </c>
      <c r="BF98" s="52">
        <v>3388</v>
      </c>
      <c r="BG98" s="52">
        <v>2</v>
      </c>
      <c r="BH98" s="39">
        <v>3390</v>
      </c>
      <c r="BI98" s="52">
        <v>1168</v>
      </c>
      <c r="BJ98" s="52">
        <v>2</v>
      </c>
      <c r="BK98" s="39">
        <v>1170</v>
      </c>
      <c r="BL98" s="52">
        <v>200</v>
      </c>
      <c r="BM98" s="52">
        <v>0</v>
      </c>
      <c r="BN98" s="39">
        <v>200</v>
      </c>
      <c r="BO98" s="52">
        <v>17</v>
      </c>
      <c r="BP98" s="52">
        <v>0</v>
      </c>
      <c r="BQ98" s="41">
        <v>17</v>
      </c>
      <c r="BT98" s="66"/>
    </row>
    <row r="99" spans="1:72" x14ac:dyDescent="0.15">
      <c r="A99" s="53" t="s">
        <v>38</v>
      </c>
      <c r="B99" s="26" t="s">
        <v>31</v>
      </c>
      <c r="C99" s="68"/>
      <c r="D99" s="42">
        <v>136767</v>
      </c>
      <c r="E99" s="40">
        <v>3777</v>
      </c>
      <c r="F99" s="43">
        <v>140544</v>
      </c>
      <c r="G99" s="52">
        <v>4364</v>
      </c>
      <c r="H99" s="52">
        <v>131</v>
      </c>
      <c r="I99" s="43">
        <v>4495</v>
      </c>
      <c r="J99" s="52">
        <v>4965</v>
      </c>
      <c r="K99" s="52">
        <v>117</v>
      </c>
      <c r="L99" s="43">
        <v>5082</v>
      </c>
      <c r="M99" s="52">
        <v>5394</v>
      </c>
      <c r="N99" s="52">
        <v>78</v>
      </c>
      <c r="O99" s="43">
        <v>5472</v>
      </c>
      <c r="P99" s="52">
        <v>5543</v>
      </c>
      <c r="Q99" s="52">
        <v>84</v>
      </c>
      <c r="R99" s="43">
        <v>5627</v>
      </c>
      <c r="S99" s="52">
        <v>7127</v>
      </c>
      <c r="T99" s="52">
        <v>481</v>
      </c>
      <c r="U99" s="43">
        <v>7608</v>
      </c>
      <c r="V99" s="52">
        <v>7558</v>
      </c>
      <c r="W99" s="52">
        <v>695</v>
      </c>
      <c r="X99" s="43">
        <v>8253</v>
      </c>
      <c r="Y99" s="52">
        <v>7211</v>
      </c>
      <c r="Z99" s="52">
        <v>514</v>
      </c>
      <c r="AA99" s="43">
        <v>7725</v>
      </c>
      <c r="AB99" s="52">
        <v>7538</v>
      </c>
      <c r="AC99" s="52">
        <v>322</v>
      </c>
      <c r="AD99" s="43">
        <v>7860</v>
      </c>
      <c r="AE99" s="52">
        <v>8321</v>
      </c>
      <c r="AF99" s="52">
        <v>300</v>
      </c>
      <c r="AG99" s="43">
        <v>8621</v>
      </c>
      <c r="AH99" s="52">
        <v>9893</v>
      </c>
      <c r="AI99" s="52">
        <v>252</v>
      </c>
      <c r="AJ99" s="43">
        <v>10145</v>
      </c>
      <c r="AK99" s="52">
        <v>11344</v>
      </c>
      <c r="AL99" s="52">
        <v>233</v>
      </c>
      <c r="AM99" s="43">
        <v>11577</v>
      </c>
      <c r="AN99" s="52">
        <v>9716</v>
      </c>
      <c r="AO99" s="52">
        <v>215</v>
      </c>
      <c r="AP99" s="43">
        <v>9931</v>
      </c>
      <c r="AQ99" s="52">
        <v>7799</v>
      </c>
      <c r="AR99" s="52">
        <v>148</v>
      </c>
      <c r="AS99" s="43">
        <v>7947</v>
      </c>
      <c r="AT99" s="52">
        <v>6889</v>
      </c>
      <c r="AU99" s="52">
        <v>104</v>
      </c>
      <c r="AV99" s="43">
        <v>6993</v>
      </c>
      <c r="AW99" s="52">
        <v>8608</v>
      </c>
      <c r="AX99" s="52">
        <v>45</v>
      </c>
      <c r="AY99" s="43">
        <v>8653</v>
      </c>
      <c r="AZ99" s="52">
        <v>8669</v>
      </c>
      <c r="BA99" s="52">
        <v>29</v>
      </c>
      <c r="BB99" s="43">
        <v>8698</v>
      </c>
      <c r="BC99" s="52">
        <v>7778</v>
      </c>
      <c r="BD99" s="52">
        <v>14</v>
      </c>
      <c r="BE99" s="43">
        <v>7792</v>
      </c>
      <c r="BF99" s="52">
        <v>4906</v>
      </c>
      <c r="BG99" s="52">
        <v>10</v>
      </c>
      <c r="BH99" s="43">
        <v>4916</v>
      </c>
      <c r="BI99" s="52">
        <v>2318</v>
      </c>
      <c r="BJ99" s="52">
        <v>4</v>
      </c>
      <c r="BK99" s="43">
        <v>2322</v>
      </c>
      <c r="BL99" s="52">
        <v>713</v>
      </c>
      <c r="BM99" s="52">
        <v>1</v>
      </c>
      <c r="BN99" s="43">
        <v>714</v>
      </c>
      <c r="BO99" s="52">
        <v>113</v>
      </c>
      <c r="BP99" s="52">
        <v>0</v>
      </c>
      <c r="BQ99" s="44">
        <v>113</v>
      </c>
      <c r="BT99" s="66"/>
    </row>
    <row r="100" spans="1:72" ht="15" thickBot="1" x14ac:dyDescent="0.2">
      <c r="A100" s="54"/>
      <c r="B100" s="32" t="s">
        <v>32</v>
      </c>
      <c r="C100" s="69"/>
      <c r="D100" s="46">
        <v>271484</v>
      </c>
      <c r="E100" s="47">
        <v>7427</v>
      </c>
      <c r="F100" s="48">
        <v>278911</v>
      </c>
      <c r="G100" s="49">
        <v>8838</v>
      </c>
      <c r="H100" s="48">
        <v>287</v>
      </c>
      <c r="I100" s="48">
        <v>9125</v>
      </c>
      <c r="J100" s="49">
        <v>10156</v>
      </c>
      <c r="K100" s="48">
        <v>238</v>
      </c>
      <c r="L100" s="48">
        <v>10394</v>
      </c>
      <c r="M100" s="49">
        <v>10964</v>
      </c>
      <c r="N100" s="48">
        <v>172</v>
      </c>
      <c r="O100" s="48">
        <v>11136</v>
      </c>
      <c r="P100" s="49">
        <v>11399</v>
      </c>
      <c r="Q100" s="48">
        <v>184</v>
      </c>
      <c r="R100" s="48">
        <v>11583</v>
      </c>
      <c r="S100" s="49">
        <v>13928</v>
      </c>
      <c r="T100" s="48">
        <v>911</v>
      </c>
      <c r="U100" s="48">
        <v>14839</v>
      </c>
      <c r="V100" s="49">
        <v>15163</v>
      </c>
      <c r="W100" s="48">
        <v>1349</v>
      </c>
      <c r="X100" s="48">
        <v>16512</v>
      </c>
      <c r="Y100" s="49">
        <v>15061</v>
      </c>
      <c r="Z100" s="48">
        <v>1108</v>
      </c>
      <c r="AA100" s="48">
        <v>16169</v>
      </c>
      <c r="AB100" s="49">
        <v>15763</v>
      </c>
      <c r="AC100" s="48">
        <v>719</v>
      </c>
      <c r="AD100" s="48">
        <v>16482</v>
      </c>
      <c r="AE100" s="49">
        <v>17758</v>
      </c>
      <c r="AF100" s="48">
        <v>591</v>
      </c>
      <c r="AG100" s="48">
        <v>18349</v>
      </c>
      <c r="AH100" s="49">
        <v>20677</v>
      </c>
      <c r="AI100" s="48">
        <v>452</v>
      </c>
      <c r="AJ100" s="48">
        <v>21129</v>
      </c>
      <c r="AK100" s="49">
        <v>23535</v>
      </c>
      <c r="AL100" s="48">
        <v>416</v>
      </c>
      <c r="AM100" s="48">
        <v>23951</v>
      </c>
      <c r="AN100" s="49">
        <v>20494</v>
      </c>
      <c r="AO100" s="48">
        <v>376</v>
      </c>
      <c r="AP100" s="48">
        <v>20870</v>
      </c>
      <c r="AQ100" s="49">
        <v>16089</v>
      </c>
      <c r="AR100" s="48">
        <v>271</v>
      </c>
      <c r="AS100" s="48">
        <v>16360</v>
      </c>
      <c r="AT100" s="49">
        <v>13655</v>
      </c>
      <c r="AU100" s="48">
        <v>173</v>
      </c>
      <c r="AV100" s="48">
        <v>13828</v>
      </c>
      <c r="AW100" s="49">
        <v>16350</v>
      </c>
      <c r="AX100" s="48">
        <v>85</v>
      </c>
      <c r="AY100" s="48">
        <v>16435</v>
      </c>
      <c r="AZ100" s="49">
        <v>15444</v>
      </c>
      <c r="BA100" s="48">
        <v>53</v>
      </c>
      <c r="BB100" s="48">
        <v>15497</v>
      </c>
      <c r="BC100" s="49">
        <v>13387</v>
      </c>
      <c r="BD100" s="48">
        <v>23</v>
      </c>
      <c r="BE100" s="48">
        <v>13410</v>
      </c>
      <c r="BF100" s="49">
        <v>8294</v>
      </c>
      <c r="BG100" s="48">
        <v>12</v>
      </c>
      <c r="BH100" s="48">
        <v>8306</v>
      </c>
      <c r="BI100" s="49">
        <v>3486</v>
      </c>
      <c r="BJ100" s="48">
        <v>6</v>
      </c>
      <c r="BK100" s="48">
        <v>3492</v>
      </c>
      <c r="BL100" s="49">
        <v>913</v>
      </c>
      <c r="BM100" s="48">
        <v>1</v>
      </c>
      <c r="BN100" s="48">
        <v>914</v>
      </c>
      <c r="BO100" s="49">
        <v>130</v>
      </c>
      <c r="BP100" s="48">
        <v>0</v>
      </c>
      <c r="BQ100" s="50">
        <v>130</v>
      </c>
      <c r="BT100" s="66"/>
    </row>
    <row r="101" spans="1:72" x14ac:dyDescent="0.15">
      <c r="A101" s="25"/>
      <c r="B101" s="21" t="s">
        <v>29</v>
      </c>
      <c r="C101" s="67">
        <v>142018</v>
      </c>
      <c r="D101" s="37">
        <v>187550</v>
      </c>
      <c r="E101" s="38">
        <v>3302</v>
      </c>
      <c r="F101" s="39">
        <v>190852</v>
      </c>
      <c r="G101" s="52">
        <v>4949</v>
      </c>
      <c r="H101" s="52">
        <v>80</v>
      </c>
      <c r="I101" s="39">
        <v>5029</v>
      </c>
      <c r="J101" s="52">
        <v>6601</v>
      </c>
      <c r="K101" s="52">
        <v>82</v>
      </c>
      <c r="L101" s="39">
        <v>6683</v>
      </c>
      <c r="M101" s="52">
        <v>7523</v>
      </c>
      <c r="N101" s="52">
        <v>77</v>
      </c>
      <c r="O101" s="39">
        <v>7600</v>
      </c>
      <c r="P101" s="52">
        <v>9868</v>
      </c>
      <c r="Q101" s="52">
        <v>130</v>
      </c>
      <c r="R101" s="39">
        <v>9998</v>
      </c>
      <c r="S101" s="52">
        <v>10834</v>
      </c>
      <c r="T101" s="52">
        <v>482</v>
      </c>
      <c r="U101" s="39">
        <v>11316</v>
      </c>
      <c r="V101" s="52">
        <v>8595</v>
      </c>
      <c r="W101" s="52">
        <v>592</v>
      </c>
      <c r="X101" s="39">
        <v>9187</v>
      </c>
      <c r="Y101" s="52">
        <v>8195</v>
      </c>
      <c r="Z101" s="52">
        <v>474</v>
      </c>
      <c r="AA101" s="39">
        <v>8669</v>
      </c>
      <c r="AB101" s="52">
        <v>9521</v>
      </c>
      <c r="AC101" s="52">
        <v>289</v>
      </c>
      <c r="AD101" s="39">
        <v>9810</v>
      </c>
      <c r="AE101" s="52">
        <v>10736</v>
      </c>
      <c r="AF101" s="52">
        <v>216</v>
      </c>
      <c r="AG101" s="39">
        <v>10952</v>
      </c>
      <c r="AH101" s="52">
        <v>13800</v>
      </c>
      <c r="AI101" s="52">
        <v>191</v>
      </c>
      <c r="AJ101" s="39">
        <v>13991</v>
      </c>
      <c r="AK101" s="52">
        <v>16352</v>
      </c>
      <c r="AL101" s="52">
        <v>185</v>
      </c>
      <c r="AM101" s="39">
        <v>16537</v>
      </c>
      <c r="AN101" s="52">
        <v>13646</v>
      </c>
      <c r="AO101" s="52">
        <v>157</v>
      </c>
      <c r="AP101" s="39">
        <v>13803</v>
      </c>
      <c r="AQ101" s="52">
        <v>11993</v>
      </c>
      <c r="AR101" s="52">
        <v>105</v>
      </c>
      <c r="AS101" s="39">
        <v>12098</v>
      </c>
      <c r="AT101" s="52">
        <v>11101</v>
      </c>
      <c r="AU101" s="52">
        <v>88</v>
      </c>
      <c r="AV101" s="39">
        <v>11189</v>
      </c>
      <c r="AW101" s="52">
        <v>13658</v>
      </c>
      <c r="AX101" s="52">
        <v>76</v>
      </c>
      <c r="AY101" s="39">
        <v>13734</v>
      </c>
      <c r="AZ101" s="52">
        <v>12383</v>
      </c>
      <c r="BA101" s="52">
        <v>39</v>
      </c>
      <c r="BB101" s="39">
        <v>12422</v>
      </c>
      <c r="BC101" s="52">
        <v>10029</v>
      </c>
      <c r="BD101" s="52">
        <v>27</v>
      </c>
      <c r="BE101" s="39">
        <v>10056</v>
      </c>
      <c r="BF101" s="52">
        <v>5472</v>
      </c>
      <c r="BG101" s="52">
        <v>6</v>
      </c>
      <c r="BH101" s="39">
        <v>5478</v>
      </c>
      <c r="BI101" s="52">
        <v>1894</v>
      </c>
      <c r="BJ101" s="52">
        <v>6</v>
      </c>
      <c r="BK101" s="39">
        <v>1900</v>
      </c>
      <c r="BL101" s="52">
        <v>373</v>
      </c>
      <c r="BM101" s="52">
        <v>0</v>
      </c>
      <c r="BN101" s="39">
        <v>373</v>
      </c>
      <c r="BO101" s="52">
        <v>27</v>
      </c>
      <c r="BP101" s="52">
        <v>0</v>
      </c>
      <c r="BQ101" s="41">
        <v>27</v>
      </c>
      <c r="BT101" s="66"/>
    </row>
    <row r="102" spans="1:72" x14ac:dyDescent="0.15">
      <c r="A102" s="25" t="s">
        <v>62</v>
      </c>
      <c r="B102" s="26" t="s">
        <v>31</v>
      </c>
      <c r="C102" s="68"/>
      <c r="D102" s="42">
        <v>189108</v>
      </c>
      <c r="E102" s="40">
        <v>3528</v>
      </c>
      <c r="F102" s="43">
        <v>192636</v>
      </c>
      <c r="G102" s="52">
        <v>4746</v>
      </c>
      <c r="H102" s="52">
        <v>101</v>
      </c>
      <c r="I102" s="43">
        <v>4847</v>
      </c>
      <c r="J102" s="52">
        <v>6197</v>
      </c>
      <c r="K102" s="52">
        <v>93</v>
      </c>
      <c r="L102" s="43">
        <v>6290</v>
      </c>
      <c r="M102" s="52">
        <v>7298</v>
      </c>
      <c r="N102" s="52">
        <v>89</v>
      </c>
      <c r="O102" s="43">
        <v>7387</v>
      </c>
      <c r="P102" s="52">
        <v>8099</v>
      </c>
      <c r="Q102" s="52">
        <v>94</v>
      </c>
      <c r="R102" s="43">
        <v>8193</v>
      </c>
      <c r="S102" s="52">
        <v>8542</v>
      </c>
      <c r="T102" s="52">
        <v>280</v>
      </c>
      <c r="U102" s="43">
        <v>8822</v>
      </c>
      <c r="V102" s="52">
        <v>7236</v>
      </c>
      <c r="W102" s="52">
        <v>375</v>
      </c>
      <c r="X102" s="43">
        <v>7611</v>
      </c>
      <c r="Y102" s="52">
        <v>7056</v>
      </c>
      <c r="Z102" s="52">
        <v>325</v>
      </c>
      <c r="AA102" s="43">
        <v>7381</v>
      </c>
      <c r="AB102" s="52">
        <v>8482</v>
      </c>
      <c r="AC102" s="52">
        <v>280</v>
      </c>
      <c r="AD102" s="43">
        <v>8762</v>
      </c>
      <c r="AE102" s="52">
        <v>9974</v>
      </c>
      <c r="AF102" s="52">
        <v>350</v>
      </c>
      <c r="AG102" s="43">
        <v>10324</v>
      </c>
      <c r="AH102" s="52">
        <v>12821</v>
      </c>
      <c r="AI102" s="52">
        <v>378</v>
      </c>
      <c r="AJ102" s="43">
        <v>13199</v>
      </c>
      <c r="AK102" s="52">
        <v>15040</v>
      </c>
      <c r="AL102" s="52">
        <v>350</v>
      </c>
      <c r="AM102" s="43">
        <v>15390</v>
      </c>
      <c r="AN102" s="52">
        <v>12965</v>
      </c>
      <c r="AO102" s="52">
        <v>303</v>
      </c>
      <c r="AP102" s="43">
        <v>13268</v>
      </c>
      <c r="AQ102" s="52">
        <v>11344</v>
      </c>
      <c r="AR102" s="52">
        <v>212</v>
      </c>
      <c r="AS102" s="43">
        <v>11556</v>
      </c>
      <c r="AT102" s="52">
        <v>11315</v>
      </c>
      <c r="AU102" s="52">
        <v>101</v>
      </c>
      <c r="AV102" s="43">
        <v>11416</v>
      </c>
      <c r="AW102" s="52">
        <v>14877</v>
      </c>
      <c r="AX102" s="52">
        <v>79</v>
      </c>
      <c r="AY102" s="43">
        <v>14956</v>
      </c>
      <c r="AZ102" s="52">
        <v>15388</v>
      </c>
      <c r="BA102" s="52">
        <v>63</v>
      </c>
      <c r="BB102" s="43">
        <v>15451</v>
      </c>
      <c r="BC102" s="52">
        <v>13081</v>
      </c>
      <c r="BD102" s="52">
        <v>27</v>
      </c>
      <c r="BE102" s="43">
        <v>13108</v>
      </c>
      <c r="BF102" s="52">
        <v>8573</v>
      </c>
      <c r="BG102" s="52">
        <v>22</v>
      </c>
      <c r="BH102" s="43">
        <v>8595</v>
      </c>
      <c r="BI102" s="52">
        <v>4459</v>
      </c>
      <c r="BJ102" s="52">
        <v>3</v>
      </c>
      <c r="BK102" s="43">
        <v>4462</v>
      </c>
      <c r="BL102" s="52">
        <v>1377</v>
      </c>
      <c r="BM102" s="52">
        <v>3</v>
      </c>
      <c r="BN102" s="43">
        <v>1380</v>
      </c>
      <c r="BO102" s="52">
        <v>238</v>
      </c>
      <c r="BP102" s="52">
        <v>0</v>
      </c>
      <c r="BQ102" s="44">
        <v>238</v>
      </c>
      <c r="BT102" s="66"/>
    </row>
    <row r="103" spans="1:72" ht="15" thickBot="1" x14ac:dyDescent="0.2">
      <c r="A103" s="45"/>
      <c r="B103" s="32" t="s">
        <v>32</v>
      </c>
      <c r="C103" s="69"/>
      <c r="D103" s="46">
        <v>376658</v>
      </c>
      <c r="E103" s="47">
        <v>6830</v>
      </c>
      <c r="F103" s="48">
        <v>383488</v>
      </c>
      <c r="G103" s="49">
        <v>9695</v>
      </c>
      <c r="H103" s="48">
        <v>181</v>
      </c>
      <c r="I103" s="48">
        <v>9876</v>
      </c>
      <c r="J103" s="49">
        <v>12798</v>
      </c>
      <c r="K103" s="48">
        <v>175</v>
      </c>
      <c r="L103" s="48">
        <v>12973</v>
      </c>
      <c r="M103" s="49">
        <v>14821</v>
      </c>
      <c r="N103" s="48">
        <v>166</v>
      </c>
      <c r="O103" s="48">
        <v>14987</v>
      </c>
      <c r="P103" s="49">
        <v>17967</v>
      </c>
      <c r="Q103" s="48">
        <v>224</v>
      </c>
      <c r="R103" s="48">
        <v>18191</v>
      </c>
      <c r="S103" s="49">
        <v>19376</v>
      </c>
      <c r="T103" s="48">
        <v>762</v>
      </c>
      <c r="U103" s="48">
        <v>20138</v>
      </c>
      <c r="V103" s="49">
        <v>15831</v>
      </c>
      <c r="W103" s="48">
        <v>967</v>
      </c>
      <c r="X103" s="48">
        <v>16798</v>
      </c>
      <c r="Y103" s="49">
        <v>15251</v>
      </c>
      <c r="Z103" s="48">
        <v>799</v>
      </c>
      <c r="AA103" s="48">
        <v>16050</v>
      </c>
      <c r="AB103" s="49">
        <v>18003</v>
      </c>
      <c r="AC103" s="48">
        <v>569</v>
      </c>
      <c r="AD103" s="48">
        <v>18572</v>
      </c>
      <c r="AE103" s="49">
        <v>20710</v>
      </c>
      <c r="AF103" s="48">
        <v>566</v>
      </c>
      <c r="AG103" s="48">
        <v>21276</v>
      </c>
      <c r="AH103" s="49">
        <v>26621</v>
      </c>
      <c r="AI103" s="48">
        <v>569</v>
      </c>
      <c r="AJ103" s="48">
        <v>27190</v>
      </c>
      <c r="AK103" s="49">
        <v>31392</v>
      </c>
      <c r="AL103" s="48">
        <v>535</v>
      </c>
      <c r="AM103" s="48">
        <v>31927</v>
      </c>
      <c r="AN103" s="49">
        <v>26611</v>
      </c>
      <c r="AO103" s="48">
        <v>460</v>
      </c>
      <c r="AP103" s="48">
        <v>27071</v>
      </c>
      <c r="AQ103" s="49">
        <v>23337</v>
      </c>
      <c r="AR103" s="48">
        <v>317</v>
      </c>
      <c r="AS103" s="48">
        <v>23654</v>
      </c>
      <c r="AT103" s="49">
        <v>22416</v>
      </c>
      <c r="AU103" s="48">
        <v>189</v>
      </c>
      <c r="AV103" s="48">
        <v>22605</v>
      </c>
      <c r="AW103" s="49">
        <v>28535</v>
      </c>
      <c r="AX103" s="48">
        <v>155</v>
      </c>
      <c r="AY103" s="48">
        <v>28690</v>
      </c>
      <c r="AZ103" s="49">
        <v>27771</v>
      </c>
      <c r="BA103" s="48">
        <v>102</v>
      </c>
      <c r="BB103" s="48">
        <v>27873</v>
      </c>
      <c r="BC103" s="49">
        <v>23110</v>
      </c>
      <c r="BD103" s="48">
        <v>54</v>
      </c>
      <c r="BE103" s="48">
        <v>23164</v>
      </c>
      <c r="BF103" s="49">
        <v>14045</v>
      </c>
      <c r="BG103" s="48">
        <v>28</v>
      </c>
      <c r="BH103" s="48">
        <v>14073</v>
      </c>
      <c r="BI103" s="49">
        <v>6353</v>
      </c>
      <c r="BJ103" s="48">
        <v>9</v>
      </c>
      <c r="BK103" s="48">
        <v>6362</v>
      </c>
      <c r="BL103" s="49">
        <v>1750</v>
      </c>
      <c r="BM103" s="48">
        <v>3</v>
      </c>
      <c r="BN103" s="48">
        <v>1753</v>
      </c>
      <c r="BO103" s="49">
        <v>265</v>
      </c>
      <c r="BP103" s="48">
        <v>0</v>
      </c>
      <c r="BQ103" s="50">
        <v>265</v>
      </c>
      <c r="BT103" s="66"/>
    </row>
    <row r="104" spans="1:72" x14ac:dyDescent="0.15">
      <c r="A104" s="25"/>
      <c r="B104" s="21" t="s">
        <v>29</v>
      </c>
      <c r="C104" s="67">
        <v>142034</v>
      </c>
      <c r="D104" s="37">
        <v>125361</v>
      </c>
      <c r="E104" s="38">
        <v>2732</v>
      </c>
      <c r="F104" s="39">
        <v>128093</v>
      </c>
      <c r="G104" s="52">
        <v>3805</v>
      </c>
      <c r="H104" s="52">
        <v>99</v>
      </c>
      <c r="I104" s="39">
        <v>3904</v>
      </c>
      <c r="J104" s="52">
        <v>4819</v>
      </c>
      <c r="K104" s="52">
        <v>101</v>
      </c>
      <c r="L104" s="39">
        <v>4920</v>
      </c>
      <c r="M104" s="52">
        <v>5263</v>
      </c>
      <c r="N104" s="52">
        <v>102</v>
      </c>
      <c r="O104" s="39">
        <v>5365</v>
      </c>
      <c r="P104" s="52">
        <v>5917</v>
      </c>
      <c r="Q104" s="52">
        <v>114</v>
      </c>
      <c r="R104" s="39">
        <v>6031</v>
      </c>
      <c r="S104" s="52">
        <v>6314</v>
      </c>
      <c r="T104" s="52">
        <v>423</v>
      </c>
      <c r="U104" s="39">
        <v>6737</v>
      </c>
      <c r="V104" s="52">
        <v>6491</v>
      </c>
      <c r="W104" s="52">
        <v>414</v>
      </c>
      <c r="X104" s="39">
        <v>6905</v>
      </c>
      <c r="Y104" s="52">
        <v>6158</v>
      </c>
      <c r="Z104" s="52">
        <v>309</v>
      </c>
      <c r="AA104" s="39">
        <v>6467</v>
      </c>
      <c r="AB104" s="52">
        <v>7078</v>
      </c>
      <c r="AC104" s="52">
        <v>251</v>
      </c>
      <c r="AD104" s="39">
        <v>7329</v>
      </c>
      <c r="AE104" s="52">
        <v>8050</v>
      </c>
      <c r="AF104" s="52">
        <v>185</v>
      </c>
      <c r="AG104" s="39">
        <v>8235</v>
      </c>
      <c r="AH104" s="52">
        <v>9725</v>
      </c>
      <c r="AI104" s="52">
        <v>176</v>
      </c>
      <c r="AJ104" s="39">
        <v>9901</v>
      </c>
      <c r="AK104" s="52">
        <v>11044</v>
      </c>
      <c r="AL104" s="52">
        <v>171</v>
      </c>
      <c r="AM104" s="39">
        <v>11215</v>
      </c>
      <c r="AN104" s="52">
        <v>9656</v>
      </c>
      <c r="AO104" s="52">
        <v>143</v>
      </c>
      <c r="AP104" s="39">
        <v>9799</v>
      </c>
      <c r="AQ104" s="52">
        <v>7896</v>
      </c>
      <c r="AR104" s="52">
        <v>102</v>
      </c>
      <c r="AS104" s="39">
        <v>7998</v>
      </c>
      <c r="AT104" s="52">
        <v>7305</v>
      </c>
      <c r="AU104" s="52">
        <v>73</v>
      </c>
      <c r="AV104" s="39">
        <v>7378</v>
      </c>
      <c r="AW104" s="52">
        <v>8572</v>
      </c>
      <c r="AX104" s="52">
        <v>35</v>
      </c>
      <c r="AY104" s="39">
        <v>8607</v>
      </c>
      <c r="AZ104" s="52">
        <v>7475</v>
      </c>
      <c r="BA104" s="52">
        <v>18</v>
      </c>
      <c r="BB104" s="39">
        <v>7493</v>
      </c>
      <c r="BC104" s="52">
        <v>5697</v>
      </c>
      <c r="BD104" s="52">
        <v>10</v>
      </c>
      <c r="BE104" s="39">
        <v>5707</v>
      </c>
      <c r="BF104" s="52">
        <v>2869</v>
      </c>
      <c r="BG104" s="52">
        <v>5</v>
      </c>
      <c r="BH104" s="39">
        <v>2874</v>
      </c>
      <c r="BI104" s="52">
        <v>966</v>
      </c>
      <c r="BJ104" s="52">
        <v>1</v>
      </c>
      <c r="BK104" s="39">
        <v>967</v>
      </c>
      <c r="BL104" s="52">
        <v>244</v>
      </c>
      <c r="BM104" s="52">
        <v>0</v>
      </c>
      <c r="BN104" s="39">
        <v>244</v>
      </c>
      <c r="BO104" s="52">
        <v>17</v>
      </c>
      <c r="BP104" s="52">
        <v>0</v>
      </c>
      <c r="BQ104" s="39">
        <v>17</v>
      </c>
      <c r="BT104" s="66"/>
    </row>
    <row r="105" spans="1:72" x14ac:dyDescent="0.15">
      <c r="A105" s="25" t="s">
        <v>63</v>
      </c>
      <c r="B105" s="26" t="s">
        <v>31</v>
      </c>
      <c r="C105" s="68"/>
      <c r="D105" s="42">
        <v>125615</v>
      </c>
      <c r="E105" s="40">
        <v>3148</v>
      </c>
      <c r="F105" s="43">
        <v>128763</v>
      </c>
      <c r="G105" s="52">
        <v>3724</v>
      </c>
      <c r="H105" s="52">
        <v>85</v>
      </c>
      <c r="I105" s="43">
        <v>3809</v>
      </c>
      <c r="J105" s="52">
        <v>4587</v>
      </c>
      <c r="K105" s="52">
        <v>93</v>
      </c>
      <c r="L105" s="43">
        <v>4680</v>
      </c>
      <c r="M105" s="52">
        <v>5078</v>
      </c>
      <c r="N105" s="52">
        <v>102</v>
      </c>
      <c r="O105" s="43">
        <v>5180</v>
      </c>
      <c r="P105" s="52">
        <v>5648</v>
      </c>
      <c r="Q105" s="52">
        <v>97</v>
      </c>
      <c r="R105" s="43">
        <v>5745</v>
      </c>
      <c r="S105" s="52">
        <v>5933</v>
      </c>
      <c r="T105" s="52">
        <v>301</v>
      </c>
      <c r="U105" s="43">
        <v>6234</v>
      </c>
      <c r="V105" s="52">
        <v>5688</v>
      </c>
      <c r="W105" s="52">
        <v>347</v>
      </c>
      <c r="X105" s="43">
        <v>6035</v>
      </c>
      <c r="Y105" s="52">
        <v>5433</v>
      </c>
      <c r="Z105" s="52">
        <v>335</v>
      </c>
      <c r="AA105" s="43">
        <v>5768</v>
      </c>
      <c r="AB105" s="52">
        <v>6330</v>
      </c>
      <c r="AC105" s="52">
        <v>284</v>
      </c>
      <c r="AD105" s="43">
        <v>6614</v>
      </c>
      <c r="AE105" s="52">
        <v>7385</v>
      </c>
      <c r="AF105" s="52">
        <v>309</v>
      </c>
      <c r="AG105" s="43">
        <v>7694</v>
      </c>
      <c r="AH105" s="52">
        <v>9087</v>
      </c>
      <c r="AI105" s="52">
        <v>294</v>
      </c>
      <c r="AJ105" s="43">
        <v>9381</v>
      </c>
      <c r="AK105" s="52">
        <v>10127</v>
      </c>
      <c r="AL105" s="52">
        <v>304</v>
      </c>
      <c r="AM105" s="43">
        <v>10431</v>
      </c>
      <c r="AN105" s="52">
        <v>8583</v>
      </c>
      <c r="AO105" s="52">
        <v>245</v>
      </c>
      <c r="AP105" s="43">
        <v>8828</v>
      </c>
      <c r="AQ105" s="52">
        <v>7449</v>
      </c>
      <c r="AR105" s="52">
        <v>156</v>
      </c>
      <c r="AS105" s="43">
        <v>7605</v>
      </c>
      <c r="AT105" s="52">
        <v>7189</v>
      </c>
      <c r="AU105" s="52">
        <v>101</v>
      </c>
      <c r="AV105" s="43">
        <v>7290</v>
      </c>
      <c r="AW105" s="52">
        <v>9371</v>
      </c>
      <c r="AX105" s="52">
        <v>41</v>
      </c>
      <c r="AY105" s="43">
        <v>9412</v>
      </c>
      <c r="AZ105" s="52">
        <v>8614</v>
      </c>
      <c r="BA105" s="52">
        <v>25</v>
      </c>
      <c r="BB105" s="43">
        <v>8639</v>
      </c>
      <c r="BC105" s="52">
        <v>7405</v>
      </c>
      <c r="BD105" s="52">
        <v>13</v>
      </c>
      <c r="BE105" s="43">
        <v>7418</v>
      </c>
      <c r="BF105" s="52">
        <v>4587</v>
      </c>
      <c r="BG105" s="52">
        <v>8</v>
      </c>
      <c r="BH105" s="43">
        <v>4595</v>
      </c>
      <c r="BI105" s="52">
        <v>2469</v>
      </c>
      <c r="BJ105" s="52">
        <v>7</v>
      </c>
      <c r="BK105" s="43">
        <v>2476</v>
      </c>
      <c r="BL105" s="52">
        <v>799</v>
      </c>
      <c r="BM105" s="52">
        <v>0</v>
      </c>
      <c r="BN105" s="43">
        <v>799</v>
      </c>
      <c r="BO105" s="52">
        <v>129</v>
      </c>
      <c r="BP105" s="52">
        <v>1</v>
      </c>
      <c r="BQ105" s="43">
        <v>130</v>
      </c>
      <c r="BT105" s="66"/>
    </row>
    <row r="106" spans="1:72" ht="15" thickBot="1" x14ac:dyDescent="0.2">
      <c r="A106" s="45"/>
      <c r="B106" s="32" t="s">
        <v>32</v>
      </c>
      <c r="C106" s="69"/>
      <c r="D106" s="46">
        <v>250976</v>
      </c>
      <c r="E106" s="47">
        <v>5880</v>
      </c>
      <c r="F106" s="48">
        <v>256856</v>
      </c>
      <c r="G106" s="49">
        <v>7529</v>
      </c>
      <c r="H106" s="48">
        <v>184</v>
      </c>
      <c r="I106" s="48">
        <v>7713</v>
      </c>
      <c r="J106" s="49">
        <v>9406</v>
      </c>
      <c r="K106" s="48">
        <v>194</v>
      </c>
      <c r="L106" s="48">
        <v>9600</v>
      </c>
      <c r="M106" s="49">
        <v>10341</v>
      </c>
      <c r="N106" s="48">
        <v>204</v>
      </c>
      <c r="O106" s="48">
        <v>10545</v>
      </c>
      <c r="P106" s="49">
        <v>11565</v>
      </c>
      <c r="Q106" s="48">
        <v>211</v>
      </c>
      <c r="R106" s="48">
        <v>11776</v>
      </c>
      <c r="S106" s="49">
        <v>12247</v>
      </c>
      <c r="T106" s="48">
        <v>724</v>
      </c>
      <c r="U106" s="48">
        <v>12971</v>
      </c>
      <c r="V106" s="49">
        <v>12179</v>
      </c>
      <c r="W106" s="48">
        <v>761</v>
      </c>
      <c r="X106" s="48">
        <v>12940</v>
      </c>
      <c r="Y106" s="49">
        <v>11591</v>
      </c>
      <c r="Z106" s="48">
        <v>644</v>
      </c>
      <c r="AA106" s="48">
        <v>12235</v>
      </c>
      <c r="AB106" s="49">
        <v>13408</v>
      </c>
      <c r="AC106" s="48">
        <v>535</v>
      </c>
      <c r="AD106" s="48">
        <v>13943</v>
      </c>
      <c r="AE106" s="49">
        <v>15435</v>
      </c>
      <c r="AF106" s="48">
        <v>494</v>
      </c>
      <c r="AG106" s="48">
        <v>15929</v>
      </c>
      <c r="AH106" s="49">
        <v>18812</v>
      </c>
      <c r="AI106" s="48">
        <v>470</v>
      </c>
      <c r="AJ106" s="48">
        <v>19282</v>
      </c>
      <c r="AK106" s="49">
        <v>21171</v>
      </c>
      <c r="AL106" s="48">
        <v>475</v>
      </c>
      <c r="AM106" s="48">
        <v>21646</v>
      </c>
      <c r="AN106" s="49">
        <v>18239</v>
      </c>
      <c r="AO106" s="48">
        <v>388</v>
      </c>
      <c r="AP106" s="48">
        <v>18627</v>
      </c>
      <c r="AQ106" s="49">
        <v>15345</v>
      </c>
      <c r="AR106" s="48">
        <v>258</v>
      </c>
      <c r="AS106" s="48">
        <v>15603</v>
      </c>
      <c r="AT106" s="49">
        <v>14494</v>
      </c>
      <c r="AU106" s="48">
        <v>174</v>
      </c>
      <c r="AV106" s="48">
        <v>14668</v>
      </c>
      <c r="AW106" s="49">
        <v>17943</v>
      </c>
      <c r="AX106" s="48">
        <v>76</v>
      </c>
      <c r="AY106" s="48">
        <v>18019</v>
      </c>
      <c r="AZ106" s="49">
        <v>16089</v>
      </c>
      <c r="BA106" s="48">
        <v>43</v>
      </c>
      <c r="BB106" s="48">
        <v>16132</v>
      </c>
      <c r="BC106" s="49">
        <v>13102</v>
      </c>
      <c r="BD106" s="48">
        <v>23</v>
      </c>
      <c r="BE106" s="48">
        <v>13125</v>
      </c>
      <c r="BF106" s="49">
        <v>7456</v>
      </c>
      <c r="BG106" s="48">
        <v>13</v>
      </c>
      <c r="BH106" s="48">
        <v>7469</v>
      </c>
      <c r="BI106" s="49">
        <v>3435</v>
      </c>
      <c r="BJ106" s="48">
        <v>8</v>
      </c>
      <c r="BK106" s="48">
        <v>3443</v>
      </c>
      <c r="BL106" s="49">
        <v>1043</v>
      </c>
      <c r="BM106" s="48">
        <v>0</v>
      </c>
      <c r="BN106" s="48">
        <v>1043</v>
      </c>
      <c r="BO106" s="49">
        <v>146</v>
      </c>
      <c r="BP106" s="48">
        <v>1</v>
      </c>
      <c r="BQ106" s="48">
        <v>147</v>
      </c>
      <c r="BT106" s="66"/>
    </row>
    <row r="107" spans="1:72" x14ac:dyDescent="0.15">
      <c r="A107" s="25"/>
      <c r="B107" s="21" t="s">
        <v>29</v>
      </c>
      <c r="C107" s="67">
        <v>142042</v>
      </c>
      <c r="D107" s="22">
        <v>82145</v>
      </c>
      <c r="E107" s="23">
        <v>969</v>
      </c>
      <c r="F107" s="23">
        <v>83114</v>
      </c>
      <c r="G107" s="57">
        <v>2483</v>
      </c>
      <c r="H107" s="57">
        <v>12</v>
      </c>
      <c r="I107" s="23">
        <v>2495</v>
      </c>
      <c r="J107" s="57">
        <v>3327</v>
      </c>
      <c r="K107" s="57">
        <v>14</v>
      </c>
      <c r="L107" s="23">
        <v>3341</v>
      </c>
      <c r="M107" s="57">
        <v>3823</v>
      </c>
      <c r="N107" s="57">
        <v>16</v>
      </c>
      <c r="O107" s="23">
        <v>3839</v>
      </c>
      <c r="P107" s="57">
        <v>3888</v>
      </c>
      <c r="Q107" s="57">
        <v>12</v>
      </c>
      <c r="R107" s="23">
        <v>3900</v>
      </c>
      <c r="S107" s="57">
        <v>3696</v>
      </c>
      <c r="T107" s="57">
        <v>49</v>
      </c>
      <c r="U107" s="23">
        <v>3745</v>
      </c>
      <c r="V107" s="57">
        <v>3247</v>
      </c>
      <c r="W107" s="57">
        <v>74</v>
      </c>
      <c r="X107" s="23">
        <v>3321</v>
      </c>
      <c r="Y107" s="57">
        <v>3250</v>
      </c>
      <c r="Z107" s="57">
        <v>100</v>
      </c>
      <c r="AA107" s="23">
        <v>3350</v>
      </c>
      <c r="AB107" s="57">
        <v>4011</v>
      </c>
      <c r="AC107" s="57">
        <v>110</v>
      </c>
      <c r="AD107" s="23">
        <v>4121</v>
      </c>
      <c r="AE107" s="57">
        <v>5006</v>
      </c>
      <c r="AF107" s="57">
        <v>101</v>
      </c>
      <c r="AG107" s="23">
        <v>5107</v>
      </c>
      <c r="AH107" s="57">
        <v>6476</v>
      </c>
      <c r="AI107" s="57">
        <v>107</v>
      </c>
      <c r="AJ107" s="23">
        <v>6583</v>
      </c>
      <c r="AK107" s="57">
        <v>7760</v>
      </c>
      <c r="AL107" s="57">
        <v>96</v>
      </c>
      <c r="AM107" s="23">
        <v>7856</v>
      </c>
      <c r="AN107" s="57">
        <v>7062</v>
      </c>
      <c r="AO107" s="57">
        <v>79</v>
      </c>
      <c r="AP107" s="23">
        <v>7141</v>
      </c>
      <c r="AQ107" s="57">
        <v>5665</v>
      </c>
      <c r="AR107" s="57">
        <v>77</v>
      </c>
      <c r="AS107" s="23">
        <v>5742</v>
      </c>
      <c r="AT107" s="57">
        <v>4474</v>
      </c>
      <c r="AU107" s="57">
        <v>34</v>
      </c>
      <c r="AV107" s="23">
        <v>4508</v>
      </c>
      <c r="AW107" s="57">
        <v>4929</v>
      </c>
      <c r="AX107" s="57">
        <v>35</v>
      </c>
      <c r="AY107" s="23">
        <v>4964</v>
      </c>
      <c r="AZ107" s="57">
        <v>4991</v>
      </c>
      <c r="BA107" s="57">
        <v>27</v>
      </c>
      <c r="BB107" s="23">
        <v>5018</v>
      </c>
      <c r="BC107" s="57">
        <v>3995</v>
      </c>
      <c r="BD107" s="57">
        <v>13</v>
      </c>
      <c r="BE107" s="23">
        <v>4008</v>
      </c>
      <c r="BF107" s="57">
        <v>2624</v>
      </c>
      <c r="BG107" s="57">
        <v>10</v>
      </c>
      <c r="BH107" s="23">
        <v>2634</v>
      </c>
      <c r="BI107" s="57">
        <v>1153</v>
      </c>
      <c r="BJ107" s="57">
        <v>2</v>
      </c>
      <c r="BK107" s="23">
        <v>1155</v>
      </c>
      <c r="BL107" s="57">
        <v>261</v>
      </c>
      <c r="BM107" s="57">
        <v>1</v>
      </c>
      <c r="BN107" s="23">
        <v>262</v>
      </c>
      <c r="BO107" s="57">
        <v>24</v>
      </c>
      <c r="BP107" s="57">
        <v>0</v>
      </c>
      <c r="BQ107" s="24">
        <v>24</v>
      </c>
      <c r="BT107" s="66"/>
    </row>
    <row r="108" spans="1:72" x14ac:dyDescent="0.15">
      <c r="A108" s="25" t="s">
        <v>64</v>
      </c>
      <c r="B108" s="26" t="s">
        <v>31</v>
      </c>
      <c r="C108" s="68"/>
      <c r="D108" s="27">
        <v>91673</v>
      </c>
      <c r="E108" s="28">
        <v>838</v>
      </c>
      <c r="F108" s="29">
        <v>92511</v>
      </c>
      <c r="G108" s="58">
        <v>2384</v>
      </c>
      <c r="H108" s="58">
        <v>18</v>
      </c>
      <c r="I108" s="29">
        <v>2402</v>
      </c>
      <c r="J108" s="58">
        <v>3165</v>
      </c>
      <c r="K108" s="58">
        <v>8</v>
      </c>
      <c r="L108" s="29">
        <v>3173</v>
      </c>
      <c r="M108" s="58">
        <v>3630</v>
      </c>
      <c r="N108" s="58">
        <v>7</v>
      </c>
      <c r="O108" s="29">
        <v>3637</v>
      </c>
      <c r="P108" s="58">
        <v>3795</v>
      </c>
      <c r="Q108" s="58">
        <v>13</v>
      </c>
      <c r="R108" s="29">
        <v>3808</v>
      </c>
      <c r="S108" s="58">
        <v>3832</v>
      </c>
      <c r="T108" s="58">
        <v>28</v>
      </c>
      <c r="U108" s="29">
        <v>3860</v>
      </c>
      <c r="V108" s="58">
        <v>3265</v>
      </c>
      <c r="W108" s="58">
        <v>63</v>
      </c>
      <c r="X108" s="29">
        <v>3328</v>
      </c>
      <c r="Y108" s="58">
        <v>3375</v>
      </c>
      <c r="Z108" s="58">
        <v>95</v>
      </c>
      <c r="AA108" s="29">
        <v>3470</v>
      </c>
      <c r="AB108" s="58">
        <v>4338</v>
      </c>
      <c r="AC108" s="58">
        <v>85</v>
      </c>
      <c r="AD108" s="29">
        <v>4423</v>
      </c>
      <c r="AE108" s="58">
        <v>5446</v>
      </c>
      <c r="AF108" s="58">
        <v>107</v>
      </c>
      <c r="AG108" s="29">
        <v>5553</v>
      </c>
      <c r="AH108" s="58">
        <v>6987</v>
      </c>
      <c r="AI108" s="58">
        <v>90</v>
      </c>
      <c r="AJ108" s="29">
        <v>7077</v>
      </c>
      <c r="AK108" s="58">
        <v>8269</v>
      </c>
      <c r="AL108" s="58">
        <v>85</v>
      </c>
      <c r="AM108" s="29">
        <v>8354</v>
      </c>
      <c r="AN108" s="58">
        <v>6929</v>
      </c>
      <c r="AO108" s="58">
        <v>68</v>
      </c>
      <c r="AP108" s="29">
        <v>6997</v>
      </c>
      <c r="AQ108" s="58">
        <v>5575</v>
      </c>
      <c r="AR108" s="58">
        <v>51</v>
      </c>
      <c r="AS108" s="29">
        <v>5626</v>
      </c>
      <c r="AT108" s="58">
        <v>4687</v>
      </c>
      <c r="AU108" s="58">
        <v>32</v>
      </c>
      <c r="AV108" s="29">
        <v>4719</v>
      </c>
      <c r="AW108" s="58">
        <v>5896</v>
      </c>
      <c r="AX108" s="58">
        <v>33</v>
      </c>
      <c r="AY108" s="29">
        <v>5929</v>
      </c>
      <c r="AZ108" s="58">
        <v>6510</v>
      </c>
      <c r="BA108" s="58">
        <v>27</v>
      </c>
      <c r="BB108" s="29">
        <v>6537</v>
      </c>
      <c r="BC108" s="58">
        <v>5918</v>
      </c>
      <c r="BD108" s="58">
        <v>11</v>
      </c>
      <c r="BE108" s="29">
        <v>5929</v>
      </c>
      <c r="BF108" s="58">
        <v>4160</v>
      </c>
      <c r="BG108" s="58">
        <v>12</v>
      </c>
      <c r="BH108" s="29">
        <v>4172</v>
      </c>
      <c r="BI108" s="58">
        <v>2539</v>
      </c>
      <c r="BJ108" s="58">
        <v>3</v>
      </c>
      <c r="BK108" s="29">
        <v>2542</v>
      </c>
      <c r="BL108" s="58">
        <v>839</v>
      </c>
      <c r="BM108" s="58">
        <v>2</v>
      </c>
      <c r="BN108" s="29">
        <v>841</v>
      </c>
      <c r="BO108" s="58">
        <v>134</v>
      </c>
      <c r="BP108" s="58">
        <v>0</v>
      </c>
      <c r="BQ108" s="30">
        <v>134</v>
      </c>
      <c r="BT108" s="66"/>
    </row>
    <row r="109" spans="1:72" ht="15" thickBot="1" x14ac:dyDescent="0.2">
      <c r="A109" s="45"/>
      <c r="B109" s="32" t="s">
        <v>32</v>
      </c>
      <c r="C109" s="69"/>
      <c r="D109" s="33">
        <v>173818</v>
      </c>
      <c r="E109" s="34">
        <v>1807</v>
      </c>
      <c r="F109" s="35">
        <v>175625</v>
      </c>
      <c r="G109" s="34">
        <v>4867</v>
      </c>
      <c r="H109" s="34">
        <v>30</v>
      </c>
      <c r="I109" s="35">
        <v>4897</v>
      </c>
      <c r="J109" s="34">
        <v>6492</v>
      </c>
      <c r="K109" s="34">
        <v>22</v>
      </c>
      <c r="L109" s="35">
        <v>6514</v>
      </c>
      <c r="M109" s="34">
        <v>7453</v>
      </c>
      <c r="N109" s="34">
        <v>23</v>
      </c>
      <c r="O109" s="35">
        <v>7476</v>
      </c>
      <c r="P109" s="34">
        <v>7683</v>
      </c>
      <c r="Q109" s="34">
        <v>25</v>
      </c>
      <c r="R109" s="35">
        <v>7708</v>
      </c>
      <c r="S109" s="34">
        <v>7528</v>
      </c>
      <c r="T109" s="34">
        <v>77</v>
      </c>
      <c r="U109" s="35">
        <v>7605</v>
      </c>
      <c r="V109" s="34">
        <v>6512</v>
      </c>
      <c r="W109" s="34">
        <v>137</v>
      </c>
      <c r="X109" s="35">
        <v>6649</v>
      </c>
      <c r="Y109" s="34">
        <v>6625</v>
      </c>
      <c r="Z109" s="34">
        <v>195</v>
      </c>
      <c r="AA109" s="35">
        <v>6820</v>
      </c>
      <c r="AB109" s="34">
        <v>8349</v>
      </c>
      <c r="AC109" s="34">
        <v>195</v>
      </c>
      <c r="AD109" s="35">
        <v>8544</v>
      </c>
      <c r="AE109" s="34">
        <v>10452</v>
      </c>
      <c r="AF109" s="34">
        <v>208</v>
      </c>
      <c r="AG109" s="35">
        <v>10660</v>
      </c>
      <c r="AH109" s="34">
        <v>13463</v>
      </c>
      <c r="AI109" s="34">
        <v>197</v>
      </c>
      <c r="AJ109" s="35">
        <v>13660</v>
      </c>
      <c r="AK109" s="34">
        <v>16029</v>
      </c>
      <c r="AL109" s="34">
        <v>181</v>
      </c>
      <c r="AM109" s="35">
        <v>16210</v>
      </c>
      <c r="AN109" s="34">
        <v>13991</v>
      </c>
      <c r="AO109" s="34">
        <v>147</v>
      </c>
      <c r="AP109" s="35">
        <v>14138</v>
      </c>
      <c r="AQ109" s="34">
        <v>11240</v>
      </c>
      <c r="AR109" s="34">
        <v>128</v>
      </c>
      <c r="AS109" s="35">
        <v>11368</v>
      </c>
      <c r="AT109" s="34">
        <v>9161</v>
      </c>
      <c r="AU109" s="34">
        <v>66</v>
      </c>
      <c r="AV109" s="35">
        <v>9227</v>
      </c>
      <c r="AW109" s="34">
        <v>10825</v>
      </c>
      <c r="AX109" s="34">
        <v>68</v>
      </c>
      <c r="AY109" s="35">
        <v>10893</v>
      </c>
      <c r="AZ109" s="34">
        <v>11501</v>
      </c>
      <c r="BA109" s="34">
        <v>54</v>
      </c>
      <c r="BB109" s="35">
        <v>11555</v>
      </c>
      <c r="BC109" s="34">
        <v>9913</v>
      </c>
      <c r="BD109" s="34">
        <v>24</v>
      </c>
      <c r="BE109" s="35">
        <v>9937</v>
      </c>
      <c r="BF109" s="34">
        <v>6784</v>
      </c>
      <c r="BG109" s="34">
        <v>22</v>
      </c>
      <c r="BH109" s="35">
        <v>6806</v>
      </c>
      <c r="BI109" s="34">
        <v>3692</v>
      </c>
      <c r="BJ109" s="34">
        <v>5</v>
      </c>
      <c r="BK109" s="35">
        <v>3697</v>
      </c>
      <c r="BL109" s="34">
        <v>1100</v>
      </c>
      <c r="BM109" s="34">
        <v>3</v>
      </c>
      <c r="BN109" s="35">
        <v>1103</v>
      </c>
      <c r="BO109" s="34">
        <v>158</v>
      </c>
      <c r="BP109" s="34">
        <v>0</v>
      </c>
      <c r="BQ109" s="36">
        <v>158</v>
      </c>
      <c r="BT109" s="66"/>
    </row>
    <row r="110" spans="1:72" x14ac:dyDescent="0.15">
      <c r="A110" s="25"/>
      <c r="B110" s="21" t="s">
        <v>29</v>
      </c>
      <c r="C110" s="67">
        <v>142051</v>
      </c>
      <c r="D110" s="37">
        <v>215779</v>
      </c>
      <c r="E110" s="38">
        <v>4523</v>
      </c>
      <c r="F110" s="39">
        <v>220302</v>
      </c>
      <c r="G110" s="52">
        <v>8359</v>
      </c>
      <c r="H110" s="52">
        <v>111</v>
      </c>
      <c r="I110" s="39">
        <v>8470</v>
      </c>
      <c r="J110" s="52">
        <v>9904</v>
      </c>
      <c r="K110" s="52">
        <v>131</v>
      </c>
      <c r="L110" s="39">
        <v>10035</v>
      </c>
      <c r="M110" s="52">
        <v>10377</v>
      </c>
      <c r="N110" s="52">
        <v>86</v>
      </c>
      <c r="O110" s="39">
        <v>10463</v>
      </c>
      <c r="P110" s="52">
        <v>10462</v>
      </c>
      <c r="Q110" s="52">
        <v>146</v>
      </c>
      <c r="R110" s="39">
        <v>10608</v>
      </c>
      <c r="S110" s="52">
        <v>10983</v>
      </c>
      <c r="T110" s="52">
        <v>665</v>
      </c>
      <c r="U110" s="39">
        <v>11648</v>
      </c>
      <c r="V110" s="52">
        <v>11385</v>
      </c>
      <c r="W110" s="52">
        <v>713</v>
      </c>
      <c r="X110" s="39">
        <v>12098</v>
      </c>
      <c r="Y110" s="52">
        <v>11692</v>
      </c>
      <c r="Z110" s="52">
        <v>585</v>
      </c>
      <c r="AA110" s="39">
        <v>12277</v>
      </c>
      <c r="AB110" s="52">
        <v>13009</v>
      </c>
      <c r="AC110" s="52">
        <v>439</v>
      </c>
      <c r="AD110" s="39">
        <v>13448</v>
      </c>
      <c r="AE110" s="52">
        <v>15174</v>
      </c>
      <c r="AF110" s="52">
        <v>401</v>
      </c>
      <c r="AG110" s="39">
        <v>15575</v>
      </c>
      <c r="AH110" s="52">
        <v>17569</v>
      </c>
      <c r="AI110" s="52">
        <v>322</v>
      </c>
      <c r="AJ110" s="39">
        <v>17891</v>
      </c>
      <c r="AK110" s="52">
        <v>19485</v>
      </c>
      <c r="AL110" s="52">
        <v>251</v>
      </c>
      <c r="AM110" s="39">
        <v>19736</v>
      </c>
      <c r="AN110" s="52">
        <v>16942</v>
      </c>
      <c r="AO110" s="52">
        <v>243</v>
      </c>
      <c r="AP110" s="39">
        <v>17185</v>
      </c>
      <c r="AQ110" s="52">
        <v>13061</v>
      </c>
      <c r="AR110" s="52">
        <v>196</v>
      </c>
      <c r="AS110" s="39">
        <v>13257</v>
      </c>
      <c r="AT110" s="52">
        <v>10308</v>
      </c>
      <c r="AU110" s="52">
        <v>114</v>
      </c>
      <c r="AV110" s="39">
        <v>10422</v>
      </c>
      <c r="AW110" s="52">
        <v>11502</v>
      </c>
      <c r="AX110" s="52">
        <v>55</v>
      </c>
      <c r="AY110" s="39">
        <v>11557</v>
      </c>
      <c r="AZ110" s="52">
        <v>10638</v>
      </c>
      <c r="BA110" s="52">
        <v>33</v>
      </c>
      <c r="BB110" s="39">
        <v>10671</v>
      </c>
      <c r="BC110" s="52">
        <v>8149</v>
      </c>
      <c r="BD110" s="52">
        <v>22</v>
      </c>
      <c r="BE110" s="39">
        <v>8171</v>
      </c>
      <c r="BF110" s="52">
        <v>4695</v>
      </c>
      <c r="BG110" s="52">
        <v>6</v>
      </c>
      <c r="BH110" s="39">
        <v>4701</v>
      </c>
      <c r="BI110" s="52">
        <v>1717</v>
      </c>
      <c r="BJ110" s="52">
        <v>2</v>
      </c>
      <c r="BK110" s="39">
        <v>1719</v>
      </c>
      <c r="BL110" s="52">
        <v>335</v>
      </c>
      <c r="BM110" s="52">
        <v>1</v>
      </c>
      <c r="BN110" s="39">
        <v>336</v>
      </c>
      <c r="BO110" s="52">
        <v>33</v>
      </c>
      <c r="BP110" s="52">
        <v>1</v>
      </c>
      <c r="BQ110" s="41">
        <v>34</v>
      </c>
      <c r="BT110" s="66"/>
    </row>
    <row r="111" spans="1:72" x14ac:dyDescent="0.15">
      <c r="A111" s="25" t="s">
        <v>65</v>
      </c>
      <c r="B111" s="26" t="s">
        <v>31</v>
      </c>
      <c r="C111" s="68"/>
      <c r="D111" s="42">
        <v>221359</v>
      </c>
      <c r="E111" s="40">
        <v>3511</v>
      </c>
      <c r="F111" s="43">
        <v>224870</v>
      </c>
      <c r="G111" s="52">
        <v>7834</v>
      </c>
      <c r="H111" s="52">
        <v>113</v>
      </c>
      <c r="I111" s="43">
        <v>7947</v>
      </c>
      <c r="J111" s="52">
        <v>9419</v>
      </c>
      <c r="K111" s="52">
        <v>137</v>
      </c>
      <c r="L111" s="43">
        <v>9556</v>
      </c>
      <c r="M111" s="52">
        <v>9831</v>
      </c>
      <c r="N111" s="52">
        <v>107</v>
      </c>
      <c r="O111" s="43">
        <v>9938</v>
      </c>
      <c r="P111" s="52">
        <v>10002</v>
      </c>
      <c r="Q111" s="52">
        <v>107</v>
      </c>
      <c r="R111" s="43">
        <v>10109</v>
      </c>
      <c r="S111" s="52">
        <v>10122</v>
      </c>
      <c r="T111" s="52">
        <v>286</v>
      </c>
      <c r="U111" s="43">
        <v>10408</v>
      </c>
      <c r="V111" s="52">
        <v>10445</v>
      </c>
      <c r="W111" s="52">
        <v>399</v>
      </c>
      <c r="X111" s="43">
        <v>10844</v>
      </c>
      <c r="Y111" s="52">
        <v>10863</v>
      </c>
      <c r="Z111" s="52">
        <v>416</v>
      </c>
      <c r="AA111" s="43">
        <v>11279</v>
      </c>
      <c r="AB111" s="52">
        <v>12599</v>
      </c>
      <c r="AC111" s="52">
        <v>338</v>
      </c>
      <c r="AD111" s="43">
        <v>12937</v>
      </c>
      <c r="AE111" s="52">
        <v>14993</v>
      </c>
      <c r="AF111" s="52">
        <v>360</v>
      </c>
      <c r="AG111" s="43">
        <v>15353</v>
      </c>
      <c r="AH111" s="52">
        <v>17232</v>
      </c>
      <c r="AI111" s="52">
        <v>240</v>
      </c>
      <c r="AJ111" s="43">
        <v>17472</v>
      </c>
      <c r="AK111" s="52">
        <v>18932</v>
      </c>
      <c r="AL111" s="52">
        <v>272</v>
      </c>
      <c r="AM111" s="43">
        <v>19204</v>
      </c>
      <c r="AN111" s="52">
        <v>15603</v>
      </c>
      <c r="AO111" s="52">
        <v>249</v>
      </c>
      <c r="AP111" s="43">
        <v>15852</v>
      </c>
      <c r="AQ111" s="52">
        <v>12148</v>
      </c>
      <c r="AR111" s="52">
        <v>179</v>
      </c>
      <c r="AS111" s="43">
        <v>12327</v>
      </c>
      <c r="AT111" s="52">
        <v>10562</v>
      </c>
      <c r="AU111" s="52">
        <v>139</v>
      </c>
      <c r="AV111" s="43">
        <v>10701</v>
      </c>
      <c r="AW111" s="52">
        <v>13338</v>
      </c>
      <c r="AX111" s="52">
        <v>64</v>
      </c>
      <c r="AY111" s="43">
        <v>13402</v>
      </c>
      <c r="AZ111" s="52">
        <v>13204</v>
      </c>
      <c r="BA111" s="52">
        <v>53</v>
      </c>
      <c r="BB111" s="43">
        <v>13257</v>
      </c>
      <c r="BC111" s="52">
        <v>11139</v>
      </c>
      <c r="BD111" s="52">
        <v>25</v>
      </c>
      <c r="BE111" s="43">
        <v>11164</v>
      </c>
      <c r="BF111" s="52">
        <v>7611</v>
      </c>
      <c r="BG111" s="52">
        <v>19</v>
      </c>
      <c r="BH111" s="43">
        <v>7630</v>
      </c>
      <c r="BI111" s="52">
        <v>3975</v>
      </c>
      <c r="BJ111" s="52">
        <v>2</v>
      </c>
      <c r="BK111" s="43">
        <v>3977</v>
      </c>
      <c r="BL111" s="52">
        <v>1311</v>
      </c>
      <c r="BM111" s="52">
        <v>4</v>
      </c>
      <c r="BN111" s="43">
        <v>1315</v>
      </c>
      <c r="BO111" s="52">
        <v>196</v>
      </c>
      <c r="BP111" s="52">
        <v>2</v>
      </c>
      <c r="BQ111" s="44">
        <v>198</v>
      </c>
      <c r="BT111" s="66"/>
    </row>
    <row r="112" spans="1:72" ht="15" thickBot="1" x14ac:dyDescent="0.2">
      <c r="A112" s="45"/>
      <c r="B112" s="55" t="s">
        <v>32</v>
      </c>
      <c r="C112" s="70"/>
      <c r="D112" s="46">
        <v>437138</v>
      </c>
      <c r="E112" s="47">
        <v>8034</v>
      </c>
      <c r="F112" s="48">
        <v>445172</v>
      </c>
      <c r="G112" s="49">
        <v>16193</v>
      </c>
      <c r="H112" s="48">
        <v>224</v>
      </c>
      <c r="I112" s="48">
        <v>16417</v>
      </c>
      <c r="J112" s="49">
        <v>19323</v>
      </c>
      <c r="K112" s="48">
        <v>268</v>
      </c>
      <c r="L112" s="48">
        <v>19591</v>
      </c>
      <c r="M112" s="49">
        <v>20208</v>
      </c>
      <c r="N112" s="48">
        <v>193</v>
      </c>
      <c r="O112" s="48">
        <v>20401</v>
      </c>
      <c r="P112" s="49">
        <v>20464</v>
      </c>
      <c r="Q112" s="48">
        <v>253</v>
      </c>
      <c r="R112" s="48">
        <v>20717</v>
      </c>
      <c r="S112" s="49">
        <v>21105</v>
      </c>
      <c r="T112" s="48">
        <v>951</v>
      </c>
      <c r="U112" s="48">
        <v>22056</v>
      </c>
      <c r="V112" s="49">
        <v>21830</v>
      </c>
      <c r="W112" s="48">
        <v>1112</v>
      </c>
      <c r="X112" s="48">
        <v>22942</v>
      </c>
      <c r="Y112" s="49">
        <v>22555</v>
      </c>
      <c r="Z112" s="48">
        <v>1001</v>
      </c>
      <c r="AA112" s="48">
        <v>23556</v>
      </c>
      <c r="AB112" s="49">
        <v>25608</v>
      </c>
      <c r="AC112" s="48">
        <v>777</v>
      </c>
      <c r="AD112" s="48">
        <v>26385</v>
      </c>
      <c r="AE112" s="49">
        <v>30167</v>
      </c>
      <c r="AF112" s="48">
        <v>761</v>
      </c>
      <c r="AG112" s="48">
        <v>30928</v>
      </c>
      <c r="AH112" s="49">
        <v>34801</v>
      </c>
      <c r="AI112" s="48">
        <v>562</v>
      </c>
      <c r="AJ112" s="48">
        <v>35363</v>
      </c>
      <c r="AK112" s="49">
        <v>38417</v>
      </c>
      <c r="AL112" s="48">
        <v>523</v>
      </c>
      <c r="AM112" s="48">
        <v>38940</v>
      </c>
      <c r="AN112" s="49">
        <v>32545</v>
      </c>
      <c r="AO112" s="48">
        <v>492</v>
      </c>
      <c r="AP112" s="48">
        <v>33037</v>
      </c>
      <c r="AQ112" s="49">
        <v>25209</v>
      </c>
      <c r="AR112" s="48">
        <v>375</v>
      </c>
      <c r="AS112" s="48">
        <v>25584</v>
      </c>
      <c r="AT112" s="49">
        <v>20870</v>
      </c>
      <c r="AU112" s="48">
        <v>253</v>
      </c>
      <c r="AV112" s="48">
        <v>21123</v>
      </c>
      <c r="AW112" s="49">
        <v>24840</v>
      </c>
      <c r="AX112" s="48">
        <v>119</v>
      </c>
      <c r="AY112" s="48">
        <v>24959</v>
      </c>
      <c r="AZ112" s="49">
        <v>23842</v>
      </c>
      <c r="BA112" s="48">
        <v>86</v>
      </c>
      <c r="BB112" s="48">
        <v>23928</v>
      </c>
      <c r="BC112" s="49">
        <v>19288</v>
      </c>
      <c r="BD112" s="48">
        <v>47</v>
      </c>
      <c r="BE112" s="48">
        <v>19335</v>
      </c>
      <c r="BF112" s="49">
        <v>12306</v>
      </c>
      <c r="BG112" s="48">
        <v>25</v>
      </c>
      <c r="BH112" s="48">
        <v>12331</v>
      </c>
      <c r="BI112" s="49">
        <v>5692</v>
      </c>
      <c r="BJ112" s="48">
        <v>4</v>
      </c>
      <c r="BK112" s="48">
        <v>5696</v>
      </c>
      <c r="BL112" s="49">
        <v>1646</v>
      </c>
      <c r="BM112" s="48">
        <v>5</v>
      </c>
      <c r="BN112" s="48">
        <v>1651</v>
      </c>
      <c r="BO112" s="49">
        <v>229</v>
      </c>
      <c r="BP112" s="48">
        <v>3</v>
      </c>
      <c r="BQ112" s="50">
        <v>232</v>
      </c>
      <c r="BT112" s="66"/>
    </row>
    <row r="113" spans="1:72" x14ac:dyDescent="0.15">
      <c r="A113" s="25"/>
      <c r="B113" s="56" t="s">
        <v>29</v>
      </c>
      <c r="C113" s="71">
        <v>142069</v>
      </c>
      <c r="D113" s="37">
        <v>89761</v>
      </c>
      <c r="E113" s="38">
        <v>1454</v>
      </c>
      <c r="F113" s="39">
        <v>91215</v>
      </c>
      <c r="G113" s="52">
        <v>2770</v>
      </c>
      <c r="H113" s="52">
        <v>43</v>
      </c>
      <c r="I113" s="39">
        <v>2813</v>
      </c>
      <c r="J113" s="52">
        <v>3311</v>
      </c>
      <c r="K113" s="52">
        <v>34</v>
      </c>
      <c r="L113" s="39">
        <v>3345</v>
      </c>
      <c r="M113" s="52">
        <v>3898</v>
      </c>
      <c r="N113" s="52">
        <v>23</v>
      </c>
      <c r="O113" s="39">
        <v>3921</v>
      </c>
      <c r="P113" s="52">
        <v>3985</v>
      </c>
      <c r="Q113" s="52">
        <v>48</v>
      </c>
      <c r="R113" s="39">
        <v>4033</v>
      </c>
      <c r="S113" s="52">
        <v>4315</v>
      </c>
      <c r="T113" s="52">
        <v>226</v>
      </c>
      <c r="U113" s="39">
        <v>4541</v>
      </c>
      <c r="V113" s="52">
        <v>4123</v>
      </c>
      <c r="W113" s="52">
        <v>324</v>
      </c>
      <c r="X113" s="39">
        <v>4447</v>
      </c>
      <c r="Y113" s="52">
        <v>4278</v>
      </c>
      <c r="Z113" s="52">
        <v>216</v>
      </c>
      <c r="AA113" s="39">
        <v>4494</v>
      </c>
      <c r="AB113" s="52">
        <v>4914</v>
      </c>
      <c r="AC113" s="52">
        <v>141</v>
      </c>
      <c r="AD113" s="39">
        <v>5055</v>
      </c>
      <c r="AE113" s="52">
        <v>5498</v>
      </c>
      <c r="AF113" s="52">
        <v>106</v>
      </c>
      <c r="AG113" s="39">
        <v>5604</v>
      </c>
      <c r="AH113" s="52">
        <v>6749</v>
      </c>
      <c r="AI113" s="52">
        <v>63</v>
      </c>
      <c r="AJ113" s="39">
        <v>6812</v>
      </c>
      <c r="AK113" s="52">
        <v>7683</v>
      </c>
      <c r="AL113" s="52">
        <v>70</v>
      </c>
      <c r="AM113" s="39">
        <v>7753</v>
      </c>
      <c r="AN113" s="52">
        <v>7069</v>
      </c>
      <c r="AO113" s="52">
        <v>56</v>
      </c>
      <c r="AP113" s="39">
        <v>7125</v>
      </c>
      <c r="AQ113" s="52">
        <v>6077</v>
      </c>
      <c r="AR113" s="52">
        <v>29</v>
      </c>
      <c r="AS113" s="39">
        <v>6106</v>
      </c>
      <c r="AT113" s="52">
        <v>5464</v>
      </c>
      <c r="AU113" s="52">
        <v>30</v>
      </c>
      <c r="AV113" s="39">
        <v>5494</v>
      </c>
      <c r="AW113" s="52">
        <v>6535</v>
      </c>
      <c r="AX113" s="52">
        <v>15</v>
      </c>
      <c r="AY113" s="39">
        <v>6550</v>
      </c>
      <c r="AZ113" s="52">
        <v>5638</v>
      </c>
      <c r="BA113" s="52">
        <v>14</v>
      </c>
      <c r="BB113" s="39">
        <v>5652</v>
      </c>
      <c r="BC113" s="52">
        <v>4090</v>
      </c>
      <c r="BD113" s="52">
        <v>10</v>
      </c>
      <c r="BE113" s="39">
        <v>4100</v>
      </c>
      <c r="BF113" s="52">
        <v>2277</v>
      </c>
      <c r="BG113" s="52">
        <v>4</v>
      </c>
      <c r="BH113" s="39">
        <v>2281</v>
      </c>
      <c r="BI113" s="52">
        <v>877</v>
      </c>
      <c r="BJ113" s="52">
        <v>2</v>
      </c>
      <c r="BK113" s="39">
        <v>879</v>
      </c>
      <c r="BL113" s="52">
        <v>194</v>
      </c>
      <c r="BM113" s="52">
        <v>0</v>
      </c>
      <c r="BN113" s="39">
        <v>194</v>
      </c>
      <c r="BO113" s="52">
        <v>16</v>
      </c>
      <c r="BP113" s="52">
        <v>0</v>
      </c>
      <c r="BQ113" s="41">
        <v>16</v>
      </c>
      <c r="BT113" s="66"/>
    </row>
    <row r="114" spans="1:72" x14ac:dyDescent="0.15">
      <c r="A114" s="25" t="s">
        <v>66</v>
      </c>
      <c r="B114" s="26" t="s">
        <v>31</v>
      </c>
      <c r="C114" s="68"/>
      <c r="D114" s="42">
        <v>94065</v>
      </c>
      <c r="E114" s="40">
        <v>1760</v>
      </c>
      <c r="F114" s="43">
        <v>95825</v>
      </c>
      <c r="G114" s="52">
        <v>2596</v>
      </c>
      <c r="H114" s="52">
        <v>49</v>
      </c>
      <c r="I114" s="43">
        <v>2645</v>
      </c>
      <c r="J114" s="52">
        <v>3161</v>
      </c>
      <c r="K114" s="52">
        <v>23</v>
      </c>
      <c r="L114" s="43">
        <v>3184</v>
      </c>
      <c r="M114" s="52">
        <v>3594</v>
      </c>
      <c r="N114" s="52">
        <v>27</v>
      </c>
      <c r="O114" s="43">
        <v>3621</v>
      </c>
      <c r="P114" s="52">
        <v>3861</v>
      </c>
      <c r="Q114" s="52">
        <v>54</v>
      </c>
      <c r="R114" s="43">
        <v>3915</v>
      </c>
      <c r="S114" s="52">
        <v>4448</v>
      </c>
      <c r="T114" s="52">
        <v>192</v>
      </c>
      <c r="U114" s="43">
        <v>4640</v>
      </c>
      <c r="V114" s="52">
        <v>3996</v>
      </c>
      <c r="W114" s="52">
        <v>274</v>
      </c>
      <c r="X114" s="43">
        <v>4270</v>
      </c>
      <c r="Y114" s="52">
        <v>4045</v>
      </c>
      <c r="Z114" s="52">
        <v>215</v>
      </c>
      <c r="AA114" s="43">
        <v>4260</v>
      </c>
      <c r="AB114" s="52">
        <v>4594</v>
      </c>
      <c r="AC114" s="52">
        <v>168</v>
      </c>
      <c r="AD114" s="43">
        <v>4762</v>
      </c>
      <c r="AE114" s="52">
        <v>5306</v>
      </c>
      <c r="AF114" s="52">
        <v>162</v>
      </c>
      <c r="AG114" s="43">
        <v>5468</v>
      </c>
      <c r="AH114" s="52">
        <v>6339</v>
      </c>
      <c r="AI114" s="52">
        <v>159</v>
      </c>
      <c r="AJ114" s="43">
        <v>6498</v>
      </c>
      <c r="AK114" s="52">
        <v>7408</v>
      </c>
      <c r="AL114" s="52">
        <v>133</v>
      </c>
      <c r="AM114" s="43">
        <v>7541</v>
      </c>
      <c r="AN114" s="52">
        <v>6581</v>
      </c>
      <c r="AO114" s="52">
        <v>102</v>
      </c>
      <c r="AP114" s="43">
        <v>6683</v>
      </c>
      <c r="AQ114" s="52">
        <v>5881</v>
      </c>
      <c r="AR114" s="52">
        <v>75</v>
      </c>
      <c r="AS114" s="43">
        <v>5956</v>
      </c>
      <c r="AT114" s="52">
        <v>5778</v>
      </c>
      <c r="AU114" s="52">
        <v>47</v>
      </c>
      <c r="AV114" s="43">
        <v>5825</v>
      </c>
      <c r="AW114" s="52">
        <v>7217</v>
      </c>
      <c r="AX114" s="52">
        <v>29</v>
      </c>
      <c r="AY114" s="43">
        <v>7246</v>
      </c>
      <c r="AZ114" s="52">
        <v>6606</v>
      </c>
      <c r="BA114" s="52">
        <v>25</v>
      </c>
      <c r="BB114" s="43">
        <v>6631</v>
      </c>
      <c r="BC114" s="52">
        <v>5787</v>
      </c>
      <c r="BD114" s="52">
        <v>18</v>
      </c>
      <c r="BE114" s="43">
        <v>5805</v>
      </c>
      <c r="BF114" s="52">
        <v>3930</v>
      </c>
      <c r="BG114" s="52">
        <v>5</v>
      </c>
      <c r="BH114" s="43">
        <v>3935</v>
      </c>
      <c r="BI114" s="52">
        <v>2075</v>
      </c>
      <c r="BJ114" s="52">
        <v>2</v>
      </c>
      <c r="BK114" s="43">
        <v>2077</v>
      </c>
      <c r="BL114" s="52">
        <v>749</v>
      </c>
      <c r="BM114" s="52">
        <v>1</v>
      </c>
      <c r="BN114" s="43">
        <v>750</v>
      </c>
      <c r="BO114" s="52">
        <v>113</v>
      </c>
      <c r="BP114" s="52">
        <v>0</v>
      </c>
      <c r="BQ114" s="44">
        <v>113</v>
      </c>
      <c r="BT114" s="66"/>
    </row>
    <row r="115" spans="1:72" ht="15" thickBot="1" x14ac:dyDescent="0.2">
      <c r="A115" s="45"/>
      <c r="B115" s="32" t="s">
        <v>32</v>
      </c>
      <c r="C115" s="69"/>
      <c r="D115" s="46">
        <v>183826</v>
      </c>
      <c r="E115" s="47">
        <v>3214</v>
      </c>
      <c r="F115" s="48">
        <v>187040</v>
      </c>
      <c r="G115" s="49">
        <v>5366</v>
      </c>
      <c r="H115" s="48">
        <v>92</v>
      </c>
      <c r="I115" s="48">
        <v>5458</v>
      </c>
      <c r="J115" s="49">
        <v>6472</v>
      </c>
      <c r="K115" s="48">
        <v>57</v>
      </c>
      <c r="L115" s="48">
        <v>6529</v>
      </c>
      <c r="M115" s="49">
        <v>7492</v>
      </c>
      <c r="N115" s="48">
        <v>50</v>
      </c>
      <c r="O115" s="48">
        <v>7542</v>
      </c>
      <c r="P115" s="49">
        <v>7846</v>
      </c>
      <c r="Q115" s="48">
        <v>102</v>
      </c>
      <c r="R115" s="48">
        <v>7948</v>
      </c>
      <c r="S115" s="49">
        <v>8763</v>
      </c>
      <c r="T115" s="48">
        <v>418</v>
      </c>
      <c r="U115" s="48">
        <v>9181</v>
      </c>
      <c r="V115" s="49">
        <v>8119</v>
      </c>
      <c r="W115" s="48">
        <v>598</v>
      </c>
      <c r="X115" s="48">
        <v>8717</v>
      </c>
      <c r="Y115" s="49">
        <v>8323</v>
      </c>
      <c r="Z115" s="48">
        <v>431</v>
      </c>
      <c r="AA115" s="48">
        <v>8754</v>
      </c>
      <c r="AB115" s="49">
        <v>9508</v>
      </c>
      <c r="AC115" s="48">
        <v>309</v>
      </c>
      <c r="AD115" s="48">
        <v>9817</v>
      </c>
      <c r="AE115" s="49">
        <v>10804</v>
      </c>
      <c r="AF115" s="48">
        <v>268</v>
      </c>
      <c r="AG115" s="48">
        <v>11072</v>
      </c>
      <c r="AH115" s="49">
        <v>13088</v>
      </c>
      <c r="AI115" s="48">
        <v>222</v>
      </c>
      <c r="AJ115" s="48">
        <v>13310</v>
      </c>
      <c r="AK115" s="49">
        <v>15091</v>
      </c>
      <c r="AL115" s="48">
        <v>203</v>
      </c>
      <c r="AM115" s="48">
        <v>15294</v>
      </c>
      <c r="AN115" s="49">
        <v>13650</v>
      </c>
      <c r="AO115" s="48">
        <v>158</v>
      </c>
      <c r="AP115" s="48">
        <v>13808</v>
      </c>
      <c r="AQ115" s="49">
        <v>11958</v>
      </c>
      <c r="AR115" s="48">
        <v>104</v>
      </c>
      <c r="AS115" s="48">
        <v>12062</v>
      </c>
      <c r="AT115" s="49">
        <v>11242</v>
      </c>
      <c r="AU115" s="48">
        <v>77</v>
      </c>
      <c r="AV115" s="48">
        <v>11319</v>
      </c>
      <c r="AW115" s="49">
        <v>13752</v>
      </c>
      <c r="AX115" s="48">
        <v>44</v>
      </c>
      <c r="AY115" s="48">
        <v>13796</v>
      </c>
      <c r="AZ115" s="49">
        <v>12244</v>
      </c>
      <c r="BA115" s="48">
        <v>39</v>
      </c>
      <c r="BB115" s="48">
        <v>12283</v>
      </c>
      <c r="BC115" s="49">
        <v>9877</v>
      </c>
      <c r="BD115" s="48">
        <v>28</v>
      </c>
      <c r="BE115" s="48">
        <v>9905</v>
      </c>
      <c r="BF115" s="49">
        <v>6207</v>
      </c>
      <c r="BG115" s="48">
        <v>9</v>
      </c>
      <c r="BH115" s="48">
        <v>6216</v>
      </c>
      <c r="BI115" s="49">
        <v>2952</v>
      </c>
      <c r="BJ115" s="48">
        <v>4</v>
      </c>
      <c r="BK115" s="48">
        <v>2956</v>
      </c>
      <c r="BL115" s="49">
        <v>943</v>
      </c>
      <c r="BM115" s="48">
        <v>1</v>
      </c>
      <c r="BN115" s="48">
        <v>944</v>
      </c>
      <c r="BO115" s="49">
        <v>129</v>
      </c>
      <c r="BP115" s="48">
        <v>0</v>
      </c>
      <c r="BQ115" s="50">
        <v>129</v>
      </c>
      <c r="BT115" s="66"/>
    </row>
    <row r="116" spans="1:72" x14ac:dyDescent="0.15">
      <c r="A116" s="25"/>
      <c r="B116" s="21" t="s">
        <v>29</v>
      </c>
      <c r="C116" s="67">
        <v>142077</v>
      </c>
      <c r="D116" s="37">
        <v>119371</v>
      </c>
      <c r="E116" s="38">
        <v>1171</v>
      </c>
      <c r="F116" s="39">
        <v>120542</v>
      </c>
      <c r="G116" s="52">
        <v>4448</v>
      </c>
      <c r="H116" s="52">
        <v>24</v>
      </c>
      <c r="I116" s="39">
        <v>4472</v>
      </c>
      <c r="J116" s="52">
        <v>5355</v>
      </c>
      <c r="K116" s="52">
        <v>22</v>
      </c>
      <c r="L116" s="39">
        <v>5377</v>
      </c>
      <c r="M116" s="52">
        <v>5806</v>
      </c>
      <c r="N116" s="52">
        <v>17</v>
      </c>
      <c r="O116" s="39">
        <v>5823</v>
      </c>
      <c r="P116" s="52">
        <v>5791</v>
      </c>
      <c r="Q116" s="52">
        <v>24</v>
      </c>
      <c r="R116" s="39">
        <v>5815</v>
      </c>
      <c r="S116" s="52">
        <v>5573</v>
      </c>
      <c r="T116" s="52">
        <v>118</v>
      </c>
      <c r="U116" s="39">
        <v>5691</v>
      </c>
      <c r="V116" s="52">
        <v>5402</v>
      </c>
      <c r="W116" s="52">
        <v>173</v>
      </c>
      <c r="X116" s="39">
        <v>5575</v>
      </c>
      <c r="Y116" s="52">
        <v>5579</v>
      </c>
      <c r="Z116" s="52">
        <v>166</v>
      </c>
      <c r="AA116" s="39">
        <v>5745</v>
      </c>
      <c r="AB116" s="52">
        <v>6799</v>
      </c>
      <c r="AC116" s="52">
        <v>121</v>
      </c>
      <c r="AD116" s="39">
        <v>6920</v>
      </c>
      <c r="AE116" s="52">
        <v>8203</v>
      </c>
      <c r="AF116" s="52">
        <v>126</v>
      </c>
      <c r="AG116" s="39">
        <v>8329</v>
      </c>
      <c r="AH116" s="52">
        <v>9742</v>
      </c>
      <c r="AI116" s="52">
        <v>102</v>
      </c>
      <c r="AJ116" s="39">
        <v>9844</v>
      </c>
      <c r="AK116" s="52">
        <v>10852</v>
      </c>
      <c r="AL116" s="52">
        <v>84</v>
      </c>
      <c r="AM116" s="39">
        <v>10936</v>
      </c>
      <c r="AN116" s="52">
        <v>9474</v>
      </c>
      <c r="AO116" s="52">
        <v>69</v>
      </c>
      <c r="AP116" s="39">
        <v>9543</v>
      </c>
      <c r="AQ116" s="52">
        <v>7407</v>
      </c>
      <c r="AR116" s="52">
        <v>42</v>
      </c>
      <c r="AS116" s="39">
        <v>7449</v>
      </c>
      <c r="AT116" s="52">
        <v>6217</v>
      </c>
      <c r="AU116" s="52">
        <v>25</v>
      </c>
      <c r="AV116" s="39">
        <v>6242</v>
      </c>
      <c r="AW116" s="52">
        <v>7125</v>
      </c>
      <c r="AX116" s="52">
        <v>25</v>
      </c>
      <c r="AY116" s="39">
        <v>7150</v>
      </c>
      <c r="AZ116" s="52">
        <v>6281</v>
      </c>
      <c r="BA116" s="52">
        <v>15</v>
      </c>
      <c r="BB116" s="39">
        <v>6296</v>
      </c>
      <c r="BC116" s="52">
        <v>5053</v>
      </c>
      <c r="BD116" s="52">
        <v>14</v>
      </c>
      <c r="BE116" s="39">
        <v>5067</v>
      </c>
      <c r="BF116" s="52">
        <v>2995</v>
      </c>
      <c r="BG116" s="52">
        <v>2</v>
      </c>
      <c r="BH116" s="39">
        <v>2997</v>
      </c>
      <c r="BI116" s="52">
        <v>1028</v>
      </c>
      <c r="BJ116" s="52">
        <v>2</v>
      </c>
      <c r="BK116" s="39">
        <v>1030</v>
      </c>
      <c r="BL116" s="52">
        <v>223</v>
      </c>
      <c r="BM116" s="52">
        <v>0</v>
      </c>
      <c r="BN116" s="39">
        <v>223</v>
      </c>
      <c r="BO116" s="52">
        <v>18</v>
      </c>
      <c r="BP116" s="52">
        <v>0</v>
      </c>
      <c r="BQ116" s="41">
        <v>18</v>
      </c>
      <c r="BT116" s="66"/>
    </row>
    <row r="117" spans="1:72" x14ac:dyDescent="0.15">
      <c r="A117" s="25" t="s">
        <v>67</v>
      </c>
      <c r="B117" s="26" t="s">
        <v>31</v>
      </c>
      <c r="C117" s="68"/>
      <c r="D117" s="42">
        <v>126052</v>
      </c>
      <c r="E117" s="40">
        <v>1191</v>
      </c>
      <c r="F117" s="43">
        <v>127243</v>
      </c>
      <c r="G117" s="52">
        <v>4129</v>
      </c>
      <c r="H117" s="52">
        <v>22</v>
      </c>
      <c r="I117" s="43">
        <v>4151</v>
      </c>
      <c r="J117" s="52">
        <v>5169</v>
      </c>
      <c r="K117" s="52">
        <v>19</v>
      </c>
      <c r="L117" s="43">
        <v>5188</v>
      </c>
      <c r="M117" s="52">
        <v>5641</v>
      </c>
      <c r="N117" s="52">
        <v>17</v>
      </c>
      <c r="O117" s="43">
        <v>5658</v>
      </c>
      <c r="P117" s="52">
        <v>5680</v>
      </c>
      <c r="Q117" s="52">
        <v>23</v>
      </c>
      <c r="R117" s="43">
        <v>5703</v>
      </c>
      <c r="S117" s="52">
        <v>5697</v>
      </c>
      <c r="T117" s="52">
        <v>77</v>
      </c>
      <c r="U117" s="43">
        <v>5774</v>
      </c>
      <c r="V117" s="52">
        <v>5265</v>
      </c>
      <c r="W117" s="52">
        <v>140</v>
      </c>
      <c r="X117" s="43">
        <v>5405</v>
      </c>
      <c r="Y117" s="52">
        <v>5809</v>
      </c>
      <c r="Z117" s="52">
        <v>139</v>
      </c>
      <c r="AA117" s="43">
        <v>5948</v>
      </c>
      <c r="AB117" s="52">
        <v>6969</v>
      </c>
      <c r="AC117" s="52">
        <v>130</v>
      </c>
      <c r="AD117" s="43">
        <v>7099</v>
      </c>
      <c r="AE117" s="52">
        <v>8215</v>
      </c>
      <c r="AF117" s="52">
        <v>120</v>
      </c>
      <c r="AG117" s="43">
        <v>8335</v>
      </c>
      <c r="AH117" s="52">
        <v>9767</v>
      </c>
      <c r="AI117" s="52">
        <v>121</v>
      </c>
      <c r="AJ117" s="43">
        <v>9888</v>
      </c>
      <c r="AK117" s="52">
        <v>10716</v>
      </c>
      <c r="AL117" s="52">
        <v>125</v>
      </c>
      <c r="AM117" s="43">
        <v>10841</v>
      </c>
      <c r="AN117" s="52">
        <v>8900</v>
      </c>
      <c r="AO117" s="52">
        <v>90</v>
      </c>
      <c r="AP117" s="43">
        <v>8990</v>
      </c>
      <c r="AQ117" s="52">
        <v>7073</v>
      </c>
      <c r="AR117" s="52">
        <v>80</v>
      </c>
      <c r="AS117" s="43">
        <v>7153</v>
      </c>
      <c r="AT117" s="52">
        <v>6410</v>
      </c>
      <c r="AU117" s="52">
        <v>31</v>
      </c>
      <c r="AV117" s="43">
        <v>6441</v>
      </c>
      <c r="AW117" s="52">
        <v>8100</v>
      </c>
      <c r="AX117" s="52">
        <v>25</v>
      </c>
      <c r="AY117" s="43">
        <v>8125</v>
      </c>
      <c r="AZ117" s="52">
        <v>7971</v>
      </c>
      <c r="BA117" s="52">
        <v>13</v>
      </c>
      <c r="BB117" s="43">
        <v>7984</v>
      </c>
      <c r="BC117" s="52">
        <v>6872</v>
      </c>
      <c r="BD117" s="52">
        <v>11</v>
      </c>
      <c r="BE117" s="43">
        <v>6883</v>
      </c>
      <c r="BF117" s="52">
        <v>4482</v>
      </c>
      <c r="BG117" s="52">
        <v>6</v>
      </c>
      <c r="BH117" s="43">
        <v>4488</v>
      </c>
      <c r="BI117" s="52">
        <v>2335</v>
      </c>
      <c r="BJ117" s="52">
        <v>0</v>
      </c>
      <c r="BK117" s="43">
        <v>2335</v>
      </c>
      <c r="BL117" s="52">
        <v>725</v>
      </c>
      <c r="BM117" s="52">
        <v>2</v>
      </c>
      <c r="BN117" s="43">
        <v>727</v>
      </c>
      <c r="BO117" s="52">
        <v>127</v>
      </c>
      <c r="BP117" s="52">
        <v>0</v>
      </c>
      <c r="BQ117" s="44">
        <v>127</v>
      </c>
      <c r="BT117" s="66"/>
    </row>
    <row r="118" spans="1:72" ht="15" thickBot="1" x14ac:dyDescent="0.2">
      <c r="A118" s="45"/>
      <c r="B118" s="32" t="s">
        <v>32</v>
      </c>
      <c r="C118" s="69"/>
      <c r="D118" s="46">
        <v>245423</v>
      </c>
      <c r="E118" s="47">
        <v>2362</v>
      </c>
      <c r="F118" s="48">
        <v>247785</v>
      </c>
      <c r="G118" s="49">
        <v>8577</v>
      </c>
      <c r="H118" s="48">
        <v>46</v>
      </c>
      <c r="I118" s="48">
        <v>8623</v>
      </c>
      <c r="J118" s="49">
        <v>10524</v>
      </c>
      <c r="K118" s="48">
        <v>41</v>
      </c>
      <c r="L118" s="48">
        <v>10565</v>
      </c>
      <c r="M118" s="49">
        <v>11447</v>
      </c>
      <c r="N118" s="48">
        <v>34</v>
      </c>
      <c r="O118" s="48">
        <v>11481</v>
      </c>
      <c r="P118" s="49">
        <v>11471</v>
      </c>
      <c r="Q118" s="48">
        <v>47</v>
      </c>
      <c r="R118" s="48">
        <v>11518</v>
      </c>
      <c r="S118" s="49">
        <v>11270</v>
      </c>
      <c r="T118" s="48">
        <v>195</v>
      </c>
      <c r="U118" s="48">
        <v>11465</v>
      </c>
      <c r="V118" s="49">
        <v>10667</v>
      </c>
      <c r="W118" s="48">
        <v>313</v>
      </c>
      <c r="X118" s="48">
        <v>10980</v>
      </c>
      <c r="Y118" s="49">
        <v>11388</v>
      </c>
      <c r="Z118" s="48">
        <v>305</v>
      </c>
      <c r="AA118" s="48">
        <v>11693</v>
      </c>
      <c r="AB118" s="49">
        <v>13768</v>
      </c>
      <c r="AC118" s="48">
        <v>251</v>
      </c>
      <c r="AD118" s="48">
        <v>14019</v>
      </c>
      <c r="AE118" s="49">
        <v>16418</v>
      </c>
      <c r="AF118" s="48">
        <v>246</v>
      </c>
      <c r="AG118" s="48">
        <v>16664</v>
      </c>
      <c r="AH118" s="49">
        <v>19509</v>
      </c>
      <c r="AI118" s="48">
        <v>223</v>
      </c>
      <c r="AJ118" s="48">
        <v>19732</v>
      </c>
      <c r="AK118" s="49">
        <v>21568</v>
      </c>
      <c r="AL118" s="48">
        <v>209</v>
      </c>
      <c r="AM118" s="48">
        <v>21777</v>
      </c>
      <c r="AN118" s="49">
        <v>18374</v>
      </c>
      <c r="AO118" s="48">
        <v>159</v>
      </c>
      <c r="AP118" s="48">
        <v>18533</v>
      </c>
      <c r="AQ118" s="49">
        <v>14480</v>
      </c>
      <c r="AR118" s="48">
        <v>122</v>
      </c>
      <c r="AS118" s="48">
        <v>14602</v>
      </c>
      <c r="AT118" s="49">
        <v>12627</v>
      </c>
      <c r="AU118" s="48">
        <v>56</v>
      </c>
      <c r="AV118" s="48">
        <v>12683</v>
      </c>
      <c r="AW118" s="49">
        <v>15225</v>
      </c>
      <c r="AX118" s="48">
        <v>50</v>
      </c>
      <c r="AY118" s="48">
        <v>15275</v>
      </c>
      <c r="AZ118" s="49">
        <v>14252</v>
      </c>
      <c r="BA118" s="48">
        <v>28</v>
      </c>
      <c r="BB118" s="48">
        <v>14280</v>
      </c>
      <c r="BC118" s="49">
        <v>11925</v>
      </c>
      <c r="BD118" s="48">
        <v>25</v>
      </c>
      <c r="BE118" s="48">
        <v>11950</v>
      </c>
      <c r="BF118" s="49">
        <v>7477</v>
      </c>
      <c r="BG118" s="48">
        <v>8</v>
      </c>
      <c r="BH118" s="48">
        <v>7485</v>
      </c>
      <c r="BI118" s="49">
        <v>3363</v>
      </c>
      <c r="BJ118" s="48">
        <v>2</v>
      </c>
      <c r="BK118" s="48">
        <v>3365</v>
      </c>
      <c r="BL118" s="49">
        <v>948</v>
      </c>
      <c r="BM118" s="48">
        <v>2</v>
      </c>
      <c r="BN118" s="48">
        <v>950</v>
      </c>
      <c r="BO118" s="49">
        <v>145</v>
      </c>
      <c r="BP118" s="48">
        <v>0</v>
      </c>
      <c r="BQ118" s="50">
        <v>145</v>
      </c>
      <c r="BT118" s="66"/>
    </row>
    <row r="119" spans="1:72" x14ac:dyDescent="0.15">
      <c r="A119" s="25"/>
      <c r="B119" s="21" t="s">
        <v>29</v>
      </c>
      <c r="C119" s="67">
        <v>142085</v>
      </c>
      <c r="D119" s="37">
        <v>27151</v>
      </c>
      <c r="E119" s="38">
        <v>327</v>
      </c>
      <c r="F119" s="39">
        <v>27478</v>
      </c>
      <c r="G119" s="52">
        <v>865</v>
      </c>
      <c r="H119" s="52">
        <v>6</v>
      </c>
      <c r="I119" s="39">
        <v>871</v>
      </c>
      <c r="J119" s="52">
        <v>1150</v>
      </c>
      <c r="K119" s="52">
        <v>4</v>
      </c>
      <c r="L119" s="39">
        <v>1154</v>
      </c>
      <c r="M119" s="52">
        <v>1300</v>
      </c>
      <c r="N119" s="52">
        <v>6</v>
      </c>
      <c r="O119" s="39">
        <v>1306</v>
      </c>
      <c r="P119" s="52">
        <v>1263</v>
      </c>
      <c r="Q119" s="52">
        <v>1</v>
      </c>
      <c r="R119" s="39">
        <v>1264</v>
      </c>
      <c r="S119" s="52">
        <v>1204</v>
      </c>
      <c r="T119" s="52">
        <v>9</v>
      </c>
      <c r="U119" s="39">
        <v>1213</v>
      </c>
      <c r="V119" s="52">
        <v>884</v>
      </c>
      <c r="W119" s="52">
        <v>24</v>
      </c>
      <c r="X119" s="39">
        <v>908</v>
      </c>
      <c r="Y119" s="52">
        <v>965</v>
      </c>
      <c r="Z119" s="52">
        <v>25</v>
      </c>
      <c r="AA119" s="39">
        <v>990</v>
      </c>
      <c r="AB119" s="52">
        <v>1264</v>
      </c>
      <c r="AC119" s="52">
        <v>31</v>
      </c>
      <c r="AD119" s="39">
        <v>1295</v>
      </c>
      <c r="AE119" s="52">
        <v>1602</v>
      </c>
      <c r="AF119" s="52">
        <v>54</v>
      </c>
      <c r="AG119" s="39">
        <v>1656</v>
      </c>
      <c r="AH119" s="52">
        <v>2113</v>
      </c>
      <c r="AI119" s="52">
        <v>35</v>
      </c>
      <c r="AJ119" s="39">
        <v>2148</v>
      </c>
      <c r="AK119" s="52">
        <v>2534</v>
      </c>
      <c r="AL119" s="52">
        <v>32</v>
      </c>
      <c r="AM119" s="39">
        <v>2566</v>
      </c>
      <c r="AN119" s="52">
        <v>2372</v>
      </c>
      <c r="AO119" s="52">
        <v>28</v>
      </c>
      <c r="AP119" s="39">
        <v>2400</v>
      </c>
      <c r="AQ119" s="52">
        <v>1957</v>
      </c>
      <c r="AR119" s="52">
        <v>22</v>
      </c>
      <c r="AS119" s="39">
        <v>1979</v>
      </c>
      <c r="AT119" s="52">
        <v>1524</v>
      </c>
      <c r="AU119" s="52">
        <v>20</v>
      </c>
      <c r="AV119" s="39">
        <v>1544</v>
      </c>
      <c r="AW119" s="52">
        <v>1719</v>
      </c>
      <c r="AX119" s="52">
        <v>13</v>
      </c>
      <c r="AY119" s="39">
        <v>1732</v>
      </c>
      <c r="AZ119" s="52">
        <v>1642</v>
      </c>
      <c r="BA119" s="52">
        <v>10</v>
      </c>
      <c r="BB119" s="39">
        <v>1652</v>
      </c>
      <c r="BC119" s="52">
        <v>1439</v>
      </c>
      <c r="BD119" s="52">
        <v>4</v>
      </c>
      <c r="BE119" s="39">
        <v>1443</v>
      </c>
      <c r="BF119" s="52">
        <v>872</v>
      </c>
      <c r="BG119" s="52">
        <v>2</v>
      </c>
      <c r="BH119" s="39">
        <v>874</v>
      </c>
      <c r="BI119" s="52">
        <v>384</v>
      </c>
      <c r="BJ119" s="52">
        <v>0</v>
      </c>
      <c r="BK119" s="39">
        <v>384</v>
      </c>
      <c r="BL119" s="52">
        <v>84</v>
      </c>
      <c r="BM119" s="52">
        <v>1</v>
      </c>
      <c r="BN119" s="39">
        <v>85</v>
      </c>
      <c r="BO119" s="52">
        <v>14</v>
      </c>
      <c r="BP119" s="52">
        <v>0</v>
      </c>
      <c r="BQ119" s="41">
        <v>14</v>
      </c>
      <c r="BT119" s="66"/>
    </row>
    <row r="120" spans="1:72" x14ac:dyDescent="0.15">
      <c r="A120" s="25" t="s">
        <v>68</v>
      </c>
      <c r="B120" s="26" t="s">
        <v>31</v>
      </c>
      <c r="C120" s="72"/>
      <c r="D120" s="42">
        <v>30756</v>
      </c>
      <c r="E120" s="40">
        <v>276</v>
      </c>
      <c r="F120" s="43">
        <v>31032</v>
      </c>
      <c r="G120" s="52">
        <v>805</v>
      </c>
      <c r="H120" s="52">
        <v>5</v>
      </c>
      <c r="I120" s="43">
        <v>810</v>
      </c>
      <c r="J120" s="52">
        <v>1126</v>
      </c>
      <c r="K120" s="52">
        <v>4</v>
      </c>
      <c r="L120" s="43">
        <v>1130</v>
      </c>
      <c r="M120" s="52">
        <v>1198</v>
      </c>
      <c r="N120" s="52">
        <v>5</v>
      </c>
      <c r="O120" s="43">
        <v>1203</v>
      </c>
      <c r="P120" s="52">
        <v>1275</v>
      </c>
      <c r="Q120" s="52">
        <v>5</v>
      </c>
      <c r="R120" s="43">
        <v>1280</v>
      </c>
      <c r="S120" s="52">
        <v>1126</v>
      </c>
      <c r="T120" s="52">
        <v>11</v>
      </c>
      <c r="U120" s="43">
        <v>1137</v>
      </c>
      <c r="V120" s="52">
        <v>979</v>
      </c>
      <c r="W120" s="52">
        <v>14</v>
      </c>
      <c r="X120" s="43">
        <v>993</v>
      </c>
      <c r="Y120" s="52">
        <v>1095</v>
      </c>
      <c r="Z120" s="52">
        <v>22</v>
      </c>
      <c r="AA120" s="43">
        <v>1117</v>
      </c>
      <c r="AB120" s="52">
        <v>1440</v>
      </c>
      <c r="AC120" s="52">
        <v>35</v>
      </c>
      <c r="AD120" s="43">
        <v>1475</v>
      </c>
      <c r="AE120" s="52">
        <v>1823</v>
      </c>
      <c r="AF120" s="52">
        <v>36</v>
      </c>
      <c r="AG120" s="43">
        <v>1859</v>
      </c>
      <c r="AH120" s="52">
        <v>2325</v>
      </c>
      <c r="AI120" s="52">
        <v>21</v>
      </c>
      <c r="AJ120" s="43">
        <v>2346</v>
      </c>
      <c r="AK120" s="52">
        <v>2716</v>
      </c>
      <c r="AL120" s="52">
        <v>27</v>
      </c>
      <c r="AM120" s="43">
        <v>2743</v>
      </c>
      <c r="AN120" s="52">
        <v>2363</v>
      </c>
      <c r="AO120" s="52">
        <v>35</v>
      </c>
      <c r="AP120" s="43">
        <v>2398</v>
      </c>
      <c r="AQ120" s="52">
        <v>1921</v>
      </c>
      <c r="AR120" s="52">
        <v>15</v>
      </c>
      <c r="AS120" s="43">
        <v>1936</v>
      </c>
      <c r="AT120" s="52">
        <v>1673</v>
      </c>
      <c r="AU120" s="52">
        <v>12</v>
      </c>
      <c r="AV120" s="43">
        <v>1685</v>
      </c>
      <c r="AW120" s="52">
        <v>1965</v>
      </c>
      <c r="AX120" s="52">
        <v>14</v>
      </c>
      <c r="AY120" s="43">
        <v>1979</v>
      </c>
      <c r="AZ120" s="52">
        <v>2254</v>
      </c>
      <c r="BA120" s="52">
        <v>4</v>
      </c>
      <c r="BB120" s="43">
        <v>2258</v>
      </c>
      <c r="BC120" s="52">
        <v>2074</v>
      </c>
      <c r="BD120" s="52">
        <v>5</v>
      </c>
      <c r="BE120" s="43">
        <v>2079</v>
      </c>
      <c r="BF120" s="52">
        <v>1443</v>
      </c>
      <c r="BG120" s="52">
        <v>4</v>
      </c>
      <c r="BH120" s="43">
        <v>1447</v>
      </c>
      <c r="BI120" s="52">
        <v>840</v>
      </c>
      <c r="BJ120" s="52">
        <v>2</v>
      </c>
      <c r="BK120" s="43">
        <v>842</v>
      </c>
      <c r="BL120" s="52">
        <v>268</v>
      </c>
      <c r="BM120" s="52">
        <v>0</v>
      </c>
      <c r="BN120" s="43">
        <v>268</v>
      </c>
      <c r="BO120" s="52">
        <v>47</v>
      </c>
      <c r="BP120" s="52">
        <v>0</v>
      </c>
      <c r="BQ120" s="44">
        <v>47</v>
      </c>
      <c r="BT120" s="66"/>
    </row>
    <row r="121" spans="1:72" ht="15" thickBot="1" x14ac:dyDescent="0.2">
      <c r="A121" s="45"/>
      <c r="B121" s="32" t="s">
        <v>32</v>
      </c>
      <c r="C121" s="73"/>
      <c r="D121" s="46">
        <v>57907</v>
      </c>
      <c r="E121" s="47">
        <v>603</v>
      </c>
      <c r="F121" s="48">
        <v>58510</v>
      </c>
      <c r="G121" s="49">
        <v>1670</v>
      </c>
      <c r="H121" s="48">
        <v>11</v>
      </c>
      <c r="I121" s="48">
        <v>1681</v>
      </c>
      <c r="J121" s="49">
        <v>2276</v>
      </c>
      <c r="K121" s="48">
        <v>8</v>
      </c>
      <c r="L121" s="48">
        <v>2284</v>
      </c>
      <c r="M121" s="49">
        <v>2498</v>
      </c>
      <c r="N121" s="48">
        <v>11</v>
      </c>
      <c r="O121" s="48">
        <v>2509</v>
      </c>
      <c r="P121" s="49">
        <v>2538</v>
      </c>
      <c r="Q121" s="48">
        <v>6</v>
      </c>
      <c r="R121" s="48">
        <v>2544</v>
      </c>
      <c r="S121" s="49">
        <v>2330</v>
      </c>
      <c r="T121" s="48">
        <v>20</v>
      </c>
      <c r="U121" s="48">
        <v>2350</v>
      </c>
      <c r="V121" s="49">
        <v>1863</v>
      </c>
      <c r="W121" s="48">
        <v>38</v>
      </c>
      <c r="X121" s="48">
        <v>1901</v>
      </c>
      <c r="Y121" s="49">
        <v>2060</v>
      </c>
      <c r="Z121" s="48">
        <v>47</v>
      </c>
      <c r="AA121" s="48">
        <v>2107</v>
      </c>
      <c r="AB121" s="49">
        <v>2704</v>
      </c>
      <c r="AC121" s="48">
        <v>66</v>
      </c>
      <c r="AD121" s="48">
        <v>2770</v>
      </c>
      <c r="AE121" s="49">
        <v>3425</v>
      </c>
      <c r="AF121" s="48">
        <v>90</v>
      </c>
      <c r="AG121" s="48">
        <v>3515</v>
      </c>
      <c r="AH121" s="49">
        <v>4438</v>
      </c>
      <c r="AI121" s="48">
        <v>56</v>
      </c>
      <c r="AJ121" s="48">
        <v>4494</v>
      </c>
      <c r="AK121" s="49">
        <v>5250</v>
      </c>
      <c r="AL121" s="48">
        <v>59</v>
      </c>
      <c r="AM121" s="48">
        <v>5309</v>
      </c>
      <c r="AN121" s="49">
        <v>4735</v>
      </c>
      <c r="AO121" s="48">
        <v>63</v>
      </c>
      <c r="AP121" s="48">
        <v>4798</v>
      </c>
      <c r="AQ121" s="49">
        <v>3878</v>
      </c>
      <c r="AR121" s="48">
        <v>37</v>
      </c>
      <c r="AS121" s="48">
        <v>3915</v>
      </c>
      <c r="AT121" s="49">
        <v>3197</v>
      </c>
      <c r="AU121" s="48">
        <v>32</v>
      </c>
      <c r="AV121" s="48">
        <v>3229</v>
      </c>
      <c r="AW121" s="49">
        <v>3684</v>
      </c>
      <c r="AX121" s="48">
        <v>27</v>
      </c>
      <c r="AY121" s="48">
        <v>3711</v>
      </c>
      <c r="AZ121" s="49">
        <v>3896</v>
      </c>
      <c r="BA121" s="48">
        <v>14</v>
      </c>
      <c r="BB121" s="48">
        <v>3910</v>
      </c>
      <c r="BC121" s="49">
        <v>3513</v>
      </c>
      <c r="BD121" s="48">
        <v>9</v>
      </c>
      <c r="BE121" s="48">
        <v>3522</v>
      </c>
      <c r="BF121" s="49">
        <v>2315</v>
      </c>
      <c r="BG121" s="48">
        <v>6</v>
      </c>
      <c r="BH121" s="48">
        <v>2321</v>
      </c>
      <c r="BI121" s="49">
        <v>1224</v>
      </c>
      <c r="BJ121" s="48">
        <v>2</v>
      </c>
      <c r="BK121" s="48">
        <v>1226</v>
      </c>
      <c r="BL121" s="49">
        <v>352</v>
      </c>
      <c r="BM121" s="48">
        <v>1</v>
      </c>
      <c r="BN121" s="48">
        <v>353</v>
      </c>
      <c r="BO121" s="49">
        <v>61</v>
      </c>
      <c r="BP121" s="48">
        <v>0</v>
      </c>
      <c r="BQ121" s="50">
        <v>61</v>
      </c>
      <c r="BT121" s="66"/>
    </row>
    <row r="122" spans="1:72" x14ac:dyDescent="0.15">
      <c r="A122" s="25"/>
      <c r="B122" s="21" t="s">
        <v>29</v>
      </c>
      <c r="C122" s="67">
        <v>142107</v>
      </c>
      <c r="D122" s="37">
        <v>19453</v>
      </c>
      <c r="E122" s="38">
        <v>239</v>
      </c>
      <c r="F122" s="39">
        <v>19692</v>
      </c>
      <c r="G122" s="52">
        <v>418</v>
      </c>
      <c r="H122" s="52">
        <v>0</v>
      </c>
      <c r="I122" s="39">
        <v>418</v>
      </c>
      <c r="J122" s="52">
        <v>574</v>
      </c>
      <c r="K122" s="52">
        <v>1</v>
      </c>
      <c r="L122" s="39">
        <v>575</v>
      </c>
      <c r="M122" s="52">
        <v>643</v>
      </c>
      <c r="N122" s="52">
        <v>1</v>
      </c>
      <c r="O122" s="39">
        <v>644</v>
      </c>
      <c r="P122" s="52">
        <v>758</v>
      </c>
      <c r="Q122" s="52">
        <v>6</v>
      </c>
      <c r="R122" s="39">
        <v>764</v>
      </c>
      <c r="S122" s="52">
        <v>763</v>
      </c>
      <c r="T122" s="52">
        <v>50</v>
      </c>
      <c r="U122" s="39">
        <v>813</v>
      </c>
      <c r="V122" s="52">
        <v>708</v>
      </c>
      <c r="W122" s="52">
        <v>76</v>
      </c>
      <c r="X122" s="39">
        <v>784</v>
      </c>
      <c r="Y122" s="52">
        <v>688</v>
      </c>
      <c r="Z122" s="52">
        <v>30</v>
      </c>
      <c r="AA122" s="39">
        <v>718</v>
      </c>
      <c r="AB122" s="52">
        <v>847</v>
      </c>
      <c r="AC122" s="52">
        <v>13</v>
      </c>
      <c r="AD122" s="39">
        <v>860</v>
      </c>
      <c r="AE122" s="52">
        <v>969</v>
      </c>
      <c r="AF122" s="52">
        <v>8</v>
      </c>
      <c r="AG122" s="39">
        <v>977</v>
      </c>
      <c r="AH122" s="52">
        <v>1310</v>
      </c>
      <c r="AI122" s="52">
        <v>9</v>
      </c>
      <c r="AJ122" s="39">
        <v>1319</v>
      </c>
      <c r="AK122" s="52">
        <v>1630</v>
      </c>
      <c r="AL122" s="52">
        <v>7</v>
      </c>
      <c r="AM122" s="39">
        <v>1637</v>
      </c>
      <c r="AN122" s="52">
        <v>1511</v>
      </c>
      <c r="AO122" s="52">
        <v>10</v>
      </c>
      <c r="AP122" s="39">
        <v>1521</v>
      </c>
      <c r="AQ122" s="52">
        <v>1412</v>
      </c>
      <c r="AR122" s="52">
        <v>7</v>
      </c>
      <c r="AS122" s="39">
        <v>1419</v>
      </c>
      <c r="AT122" s="52">
        <v>1455</v>
      </c>
      <c r="AU122" s="52">
        <v>8</v>
      </c>
      <c r="AV122" s="39">
        <v>1463</v>
      </c>
      <c r="AW122" s="52">
        <v>1946</v>
      </c>
      <c r="AX122" s="52">
        <v>6</v>
      </c>
      <c r="AY122" s="39">
        <v>1952</v>
      </c>
      <c r="AZ122" s="52">
        <v>1639</v>
      </c>
      <c r="BA122" s="52">
        <v>4</v>
      </c>
      <c r="BB122" s="39">
        <v>1643</v>
      </c>
      <c r="BC122" s="52">
        <v>1196</v>
      </c>
      <c r="BD122" s="52">
        <v>2</v>
      </c>
      <c r="BE122" s="39">
        <v>1198</v>
      </c>
      <c r="BF122" s="52">
        <v>666</v>
      </c>
      <c r="BG122" s="52">
        <v>0</v>
      </c>
      <c r="BH122" s="39">
        <v>666</v>
      </c>
      <c r="BI122" s="52">
        <v>268</v>
      </c>
      <c r="BJ122" s="52">
        <v>0</v>
      </c>
      <c r="BK122" s="39">
        <v>268</v>
      </c>
      <c r="BL122" s="52">
        <v>50</v>
      </c>
      <c r="BM122" s="52">
        <v>1</v>
      </c>
      <c r="BN122" s="39">
        <v>51</v>
      </c>
      <c r="BO122" s="52">
        <v>2</v>
      </c>
      <c r="BP122" s="52">
        <v>0</v>
      </c>
      <c r="BQ122" s="39">
        <v>2</v>
      </c>
      <c r="BT122" s="66"/>
    </row>
    <row r="123" spans="1:72" x14ac:dyDescent="0.15">
      <c r="A123" s="25" t="s">
        <v>69</v>
      </c>
      <c r="B123" s="26" t="s">
        <v>31</v>
      </c>
      <c r="C123" s="68"/>
      <c r="D123" s="42">
        <v>20677</v>
      </c>
      <c r="E123" s="40">
        <v>209</v>
      </c>
      <c r="F123" s="43">
        <v>20886</v>
      </c>
      <c r="G123" s="52">
        <v>353</v>
      </c>
      <c r="H123" s="52">
        <v>0</v>
      </c>
      <c r="I123" s="43">
        <v>353</v>
      </c>
      <c r="J123" s="52">
        <v>526</v>
      </c>
      <c r="K123" s="52">
        <v>0</v>
      </c>
      <c r="L123" s="43">
        <v>526</v>
      </c>
      <c r="M123" s="52">
        <v>593</v>
      </c>
      <c r="N123" s="52">
        <v>0</v>
      </c>
      <c r="O123" s="43">
        <v>593</v>
      </c>
      <c r="P123" s="52">
        <v>757</v>
      </c>
      <c r="Q123" s="52">
        <v>9</v>
      </c>
      <c r="R123" s="43">
        <v>766</v>
      </c>
      <c r="S123" s="52">
        <v>738</v>
      </c>
      <c r="T123" s="52">
        <v>40</v>
      </c>
      <c r="U123" s="43">
        <v>778</v>
      </c>
      <c r="V123" s="52">
        <v>624</v>
      </c>
      <c r="W123" s="52">
        <v>33</v>
      </c>
      <c r="X123" s="43">
        <v>657</v>
      </c>
      <c r="Y123" s="52">
        <v>668</v>
      </c>
      <c r="Z123" s="52">
        <v>19</v>
      </c>
      <c r="AA123" s="43">
        <v>687</v>
      </c>
      <c r="AB123" s="52">
        <v>816</v>
      </c>
      <c r="AC123" s="52">
        <v>10</v>
      </c>
      <c r="AD123" s="43">
        <v>826</v>
      </c>
      <c r="AE123" s="52">
        <v>936</v>
      </c>
      <c r="AF123" s="52">
        <v>12</v>
      </c>
      <c r="AG123" s="43">
        <v>948</v>
      </c>
      <c r="AH123" s="52">
        <v>1182</v>
      </c>
      <c r="AI123" s="52">
        <v>18</v>
      </c>
      <c r="AJ123" s="43">
        <v>1200</v>
      </c>
      <c r="AK123" s="52">
        <v>1500</v>
      </c>
      <c r="AL123" s="52">
        <v>18</v>
      </c>
      <c r="AM123" s="43">
        <v>1518</v>
      </c>
      <c r="AN123" s="52">
        <v>1394</v>
      </c>
      <c r="AO123" s="52">
        <v>18</v>
      </c>
      <c r="AP123" s="43">
        <v>1412</v>
      </c>
      <c r="AQ123" s="52">
        <v>1371</v>
      </c>
      <c r="AR123" s="52">
        <v>10</v>
      </c>
      <c r="AS123" s="43">
        <v>1381</v>
      </c>
      <c r="AT123" s="52">
        <v>1481</v>
      </c>
      <c r="AU123" s="52">
        <v>8</v>
      </c>
      <c r="AV123" s="43">
        <v>1489</v>
      </c>
      <c r="AW123" s="52">
        <v>2058</v>
      </c>
      <c r="AX123" s="52">
        <v>7</v>
      </c>
      <c r="AY123" s="43">
        <v>2065</v>
      </c>
      <c r="AZ123" s="52">
        <v>1936</v>
      </c>
      <c r="BA123" s="52">
        <v>3</v>
      </c>
      <c r="BB123" s="43">
        <v>1939</v>
      </c>
      <c r="BC123" s="52">
        <v>1683</v>
      </c>
      <c r="BD123" s="52">
        <v>3</v>
      </c>
      <c r="BE123" s="43">
        <v>1686</v>
      </c>
      <c r="BF123" s="52">
        <v>1165</v>
      </c>
      <c r="BG123" s="52">
        <v>1</v>
      </c>
      <c r="BH123" s="43">
        <v>1166</v>
      </c>
      <c r="BI123" s="52">
        <v>650</v>
      </c>
      <c r="BJ123" s="52">
        <v>0</v>
      </c>
      <c r="BK123" s="43">
        <v>650</v>
      </c>
      <c r="BL123" s="52">
        <v>218</v>
      </c>
      <c r="BM123" s="52">
        <v>0</v>
      </c>
      <c r="BN123" s="43">
        <v>218</v>
      </c>
      <c r="BO123" s="52">
        <v>28</v>
      </c>
      <c r="BP123" s="52">
        <v>0</v>
      </c>
      <c r="BQ123" s="43">
        <v>28</v>
      </c>
      <c r="BT123" s="66"/>
    </row>
    <row r="124" spans="1:72" ht="15" thickBot="1" x14ac:dyDescent="0.2">
      <c r="A124" s="45"/>
      <c r="B124" s="32" t="s">
        <v>32</v>
      </c>
      <c r="C124" s="69"/>
      <c r="D124" s="46">
        <v>40130</v>
      </c>
      <c r="E124" s="47">
        <v>448</v>
      </c>
      <c r="F124" s="48">
        <v>40578</v>
      </c>
      <c r="G124" s="49">
        <v>771</v>
      </c>
      <c r="H124" s="48">
        <v>0</v>
      </c>
      <c r="I124" s="48">
        <v>771</v>
      </c>
      <c r="J124" s="49">
        <v>1100</v>
      </c>
      <c r="K124" s="48">
        <v>1</v>
      </c>
      <c r="L124" s="48">
        <v>1101</v>
      </c>
      <c r="M124" s="49">
        <v>1236</v>
      </c>
      <c r="N124" s="48">
        <v>1</v>
      </c>
      <c r="O124" s="48">
        <v>1237</v>
      </c>
      <c r="P124" s="49">
        <v>1515</v>
      </c>
      <c r="Q124" s="48">
        <v>15</v>
      </c>
      <c r="R124" s="48">
        <v>1530</v>
      </c>
      <c r="S124" s="49">
        <v>1501</v>
      </c>
      <c r="T124" s="48">
        <v>90</v>
      </c>
      <c r="U124" s="48">
        <v>1591</v>
      </c>
      <c r="V124" s="49">
        <v>1332</v>
      </c>
      <c r="W124" s="48">
        <v>109</v>
      </c>
      <c r="X124" s="48">
        <v>1441</v>
      </c>
      <c r="Y124" s="49">
        <v>1356</v>
      </c>
      <c r="Z124" s="48">
        <v>49</v>
      </c>
      <c r="AA124" s="48">
        <v>1405</v>
      </c>
      <c r="AB124" s="49">
        <v>1663</v>
      </c>
      <c r="AC124" s="48">
        <v>23</v>
      </c>
      <c r="AD124" s="48">
        <v>1686</v>
      </c>
      <c r="AE124" s="49">
        <v>1905</v>
      </c>
      <c r="AF124" s="48">
        <v>20</v>
      </c>
      <c r="AG124" s="48">
        <v>1925</v>
      </c>
      <c r="AH124" s="49">
        <v>2492</v>
      </c>
      <c r="AI124" s="48">
        <v>27</v>
      </c>
      <c r="AJ124" s="48">
        <v>2519</v>
      </c>
      <c r="AK124" s="49">
        <v>3130</v>
      </c>
      <c r="AL124" s="48">
        <v>25</v>
      </c>
      <c r="AM124" s="48">
        <v>3155</v>
      </c>
      <c r="AN124" s="49">
        <v>2905</v>
      </c>
      <c r="AO124" s="48">
        <v>28</v>
      </c>
      <c r="AP124" s="48">
        <v>2933</v>
      </c>
      <c r="AQ124" s="49">
        <v>2783</v>
      </c>
      <c r="AR124" s="48">
        <v>17</v>
      </c>
      <c r="AS124" s="48">
        <v>2800</v>
      </c>
      <c r="AT124" s="49">
        <v>2936</v>
      </c>
      <c r="AU124" s="48">
        <v>16</v>
      </c>
      <c r="AV124" s="48">
        <v>2952</v>
      </c>
      <c r="AW124" s="49">
        <v>4004</v>
      </c>
      <c r="AX124" s="48">
        <v>13</v>
      </c>
      <c r="AY124" s="48">
        <v>4017</v>
      </c>
      <c r="AZ124" s="49">
        <v>3575</v>
      </c>
      <c r="BA124" s="48">
        <v>7</v>
      </c>
      <c r="BB124" s="48">
        <v>3582</v>
      </c>
      <c r="BC124" s="49">
        <v>2879</v>
      </c>
      <c r="BD124" s="48">
        <v>5</v>
      </c>
      <c r="BE124" s="48">
        <v>2884</v>
      </c>
      <c r="BF124" s="49">
        <v>1831</v>
      </c>
      <c r="BG124" s="48">
        <v>1</v>
      </c>
      <c r="BH124" s="48">
        <v>1832</v>
      </c>
      <c r="BI124" s="49">
        <v>918</v>
      </c>
      <c r="BJ124" s="48">
        <v>0</v>
      </c>
      <c r="BK124" s="48">
        <v>918</v>
      </c>
      <c r="BL124" s="49">
        <v>268</v>
      </c>
      <c r="BM124" s="48">
        <v>1</v>
      </c>
      <c r="BN124" s="48">
        <v>269</v>
      </c>
      <c r="BO124" s="49">
        <v>30</v>
      </c>
      <c r="BP124" s="48">
        <v>0</v>
      </c>
      <c r="BQ124" s="48">
        <v>30</v>
      </c>
      <c r="BT124" s="66"/>
    </row>
    <row r="125" spans="1:72" x14ac:dyDescent="0.15">
      <c r="A125" s="25"/>
      <c r="B125" s="21" t="s">
        <v>29</v>
      </c>
      <c r="C125" s="67">
        <v>142115</v>
      </c>
      <c r="D125" s="37">
        <v>77439</v>
      </c>
      <c r="E125" s="38">
        <v>2468</v>
      </c>
      <c r="F125" s="39">
        <v>79907</v>
      </c>
      <c r="G125" s="52">
        <v>2063</v>
      </c>
      <c r="H125" s="52">
        <v>55</v>
      </c>
      <c r="I125" s="39">
        <v>2118</v>
      </c>
      <c r="J125" s="52">
        <v>2832</v>
      </c>
      <c r="K125" s="52">
        <v>68</v>
      </c>
      <c r="L125" s="39">
        <v>2900</v>
      </c>
      <c r="M125" s="52">
        <v>3395</v>
      </c>
      <c r="N125" s="52">
        <v>67</v>
      </c>
      <c r="O125" s="39">
        <v>3462</v>
      </c>
      <c r="P125" s="52">
        <v>3610</v>
      </c>
      <c r="Q125" s="52">
        <v>120</v>
      </c>
      <c r="R125" s="39">
        <v>3730</v>
      </c>
      <c r="S125" s="52">
        <v>3935</v>
      </c>
      <c r="T125" s="52">
        <v>638</v>
      </c>
      <c r="U125" s="39">
        <v>4573</v>
      </c>
      <c r="V125" s="52">
        <v>3623</v>
      </c>
      <c r="W125" s="52">
        <v>418</v>
      </c>
      <c r="X125" s="39">
        <v>4041</v>
      </c>
      <c r="Y125" s="52">
        <v>3409</v>
      </c>
      <c r="Z125" s="52">
        <v>252</v>
      </c>
      <c r="AA125" s="39">
        <v>3661</v>
      </c>
      <c r="AB125" s="52">
        <v>4054</v>
      </c>
      <c r="AC125" s="52">
        <v>159</v>
      </c>
      <c r="AD125" s="39">
        <v>4213</v>
      </c>
      <c r="AE125" s="52">
        <v>5001</v>
      </c>
      <c r="AF125" s="52">
        <v>137</v>
      </c>
      <c r="AG125" s="39">
        <v>5138</v>
      </c>
      <c r="AH125" s="52">
        <v>5948</v>
      </c>
      <c r="AI125" s="52">
        <v>135</v>
      </c>
      <c r="AJ125" s="39">
        <v>6083</v>
      </c>
      <c r="AK125" s="52">
        <v>6595</v>
      </c>
      <c r="AL125" s="52">
        <v>129</v>
      </c>
      <c r="AM125" s="39">
        <v>6724</v>
      </c>
      <c r="AN125" s="52">
        <v>5659</v>
      </c>
      <c r="AO125" s="52">
        <v>116</v>
      </c>
      <c r="AP125" s="39">
        <v>5775</v>
      </c>
      <c r="AQ125" s="52">
        <v>4767</v>
      </c>
      <c r="AR125" s="52">
        <v>90</v>
      </c>
      <c r="AS125" s="39">
        <v>4857</v>
      </c>
      <c r="AT125" s="52">
        <v>4722</v>
      </c>
      <c r="AU125" s="52">
        <v>39</v>
      </c>
      <c r="AV125" s="39">
        <v>4761</v>
      </c>
      <c r="AW125" s="52">
        <v>6017</v>
      </c>
      <c r="AX125" s="52">
        <v>19</v>
      </c>
      <c r="AY125" s="39">
        <v>6036</v>
      </c>
      <c r="AZ125" s="52">
        <v>5405</v>
      </c>
      <c r="BA125" s="52">
        <v>14</v>
      </c>
      <c r="BB125" s="39">
        <v>5419</v>
      </c>
      <c r="BC125" s="52">
        <v>3853</v>
      </c>
      <c r="BD125" s="52">
        <v>8</v>
      </c>
      <c r="BE125" s="39">
        <v>3861</v>
      </c>
      <c r="BF125" s="52">
        <v>1832</v>
      </c>
      <c r="BG125" s="52">
        <v>3</v>
      </c>
      <c r="BH125" s="39">
        <v>1835</v>
      </c>
      <c r="BI125" s="52">
        <v>606</v>
      </c>
      <c r="BJ125" s="52">
        <v>0</v>
      </c>
      <c r="BK125" s="39">
        <v>606</v>
      </c>
      <c r="BL125" s="52">
        <v>101</v>
      </c>
      <c r="BM125" s="52">
        <v>1</v>
      </c>
      <c r="BN125" s="39">
        <v>102</v>
      </c>
      <c r="BO125" s="52">
        <v>12</v>
      </c>
      <c r="BP125" s="52">
        <v>0</v>
      </c>
      <c r="BQ125" s="41">
        <v>12</v>
      </c>
      <c r="BT125" s="66"/>
    </row>
    <row r="126" spans="1:72" x14ac:dyDescent="0.15">
      <c r="A126" s="25" t="s">
        <v>70</v>
      </c>
      <c r="B126" s="26" t="s">
        <v>31</v>
      </c>
      <c r="C126" s="68"/>
      <c r="D126" s="42">
        <v>77390</v>
      </c>
      <c r="E126" s="40">
        <v>1960</v>
      </c>
      <c r="F126" s="43">
        <v>79350</v>
      </c>
      <c r="G126" s="52">
        <v>1971</v>
      </c>
      <c r="H126" s="52">
        <v>72</v>
      </c>
      <c r="I126" s="43">
        <v>2043</v>
      </c>
      <c r="J126" s="52">
        <v>2600</v>
      </c>
      <c r="K126" s="52">
        <v>62</v>
      </c>
      <c r="L126" s="43">
        <v>2662</v>
      </c>
      <c r="M126" s="52">
        <v>3164</v>
      </c>
      <c r="N126" s="52">
        <v>47</v>
      </c>
      <c r="O126" s="43">
        <v>3211</v>
      </c>
      <c r="P126" s="52">
        <v>3492</v>
      </c>
      <c r="Q126" s="52">
        <v>99</v>
      </c>
      <c r="R126" s="43">
        <v>3591</v>
      </c>
      <c r="S126" s="52">
        <v>3591</v>
      </c>
      <c r="T126" s="52">
        <v>298</v>
      </c>
      <c r="U126" s="43">
        <v>3889</v>
      </c>
      <c r="V126" s="52">
        <v>3193</v>
      </c>
      <c r="W126" s="52">
        <v>276</v>
      </c>
      <c r="X126" s="43">
        <v>3469</v>
      </c>
      <c r="Y126" s="52">
        <v>3118</v>
      </c>
      <c r="Z126" s="52">
        <v>161</v>
      </c>
      <c r="AA126" s="43">
        <v>3279</v>
      </c>
      <c r="AB126" s="52">
        <v>3637</v>
      </c>
      <c r="AC126" s="52">
        <v>141</v>
      </c>
      <c r="AD126" s="43">
        <v>3778</v>
      </c>
      <c r="AE126" s="52">
        <v>4477</v>
      </c>
      <c r="AF126" s="52">
        <v>165</v>
      </c>
      <c r="AG126" s="43">
        <v>4642</v>
      </c>
      <c r="AH126" s="52">
        <v>5463</v>
      </c>
      <c r="AI126" s="52">
        <v>151</v>
      </c>
      <c r="AJ126" s="43">
        <v>5614</v>
      </c>
      <c r="AK126" s="52">
        <v>5910</v>
      </c>
      <c r="AL126" s="52">
        <v>165</v>
      </c>
      <c r="AM126" s="43">
        <v>6075</v>
      </c>
      <c r="AN126" s="52">
        <v>5115</v>
      </c>
      <c r="AO126" s="52">
        <v>133</v>
      </c>
      <c r="AP126" s="43">
        <v>5248</v>
      </c>
      <c r="AQ126" s="52">
        <v>4604</v>
      </c>
      <c r="AR126" s="52">
        <v>81</v>
      </c>
      <c r="AS126" s="43">
        <v>4685</v>
      </c>
      <c r="AT126" s="52">
        <v>4958</v>
      </c>
      <c r="AU126" s="52">
        <v>50</v>
      </c>
      <c r="AV126" s="43">
        <v>5008</v>
      </c>
      <c r="AW126" s="52">
        <v>6748</v>
      </c>
      <c r="AX126" s="52">
        <v>33</v>
      </c>
      <c r="AY126" s="43">
        <v>6781</v>
      </c>
      <c r="AZ126" s="52">
        <v>6047</v>
      </c>
      <c r="BA126" s="52">
        <v>12</v>
      </c>
      <c r="BB126" s="43">
        <v>6059</v>
      </c>
      <c r="BC126" s="52">
        <v>4592</v>
      </c>
      <c r="BD126" s="52">
        <v>5</v>
      </c>
      <c r="BE126" s="43">
        <v>4597</v>
      </c>
      <c r="BF126" s="52">
        <v>2704</v>
      </c>
      <c r="BG126" s="52">
        <v>6</v>
      </c>
      <c r="BH126" s="43">
        <v>2710</v>
      </c>
      <c r="BI126" s="52">
        <v>1426</v>
      </c>
      <c r="BJ126" s="52">
        <v>3</v>
      </c>
      <c r="BK126" s="43">
        <v>1429</v>
      </c>
      <c r="BL126" s="52">
        <v>496</v>
      </c>
      <c r="BM126" s="52">
        <v>0</v>
      </c>
      <c r="BN126" s="43">
        <v>496</v>
      </c>
      <c r="BO126" s="52">
        <v>84</v>
      </c>
      <c r="BP126" s="52">
        <v>0</v>
      </c>
      <c r="BQ126" s="44">
        <v>84</v>
      </c>
      <c r="BT126" s="66"/>
    </row>
    <row r="127" spans="1:72" ht="15" thickBot="1" x14ac:dyDescent="0.2">
      <c r="A127" s="45"/>
      <c r="B127" s="32" t="s">
        <v>32</v>
      </c>
      <c r="C127" s="69"/>
      <c r="D127" s="46">
        <v>154829</v>
      </c>
      <c r="E127" s="47">
        <v>4428</v>
      </c>
      <c r="F127" s="48">
        <v>159257</v>
      </c>
      <c r="G127" s="49">
        <v>4034</v>
      </c>
      <c r="H127" s="48">
        <v>127</v>
      </c>
      <c r="I127" s="48">
        <v>4161</v>
      </c>
      <c r="J127" s="49">
        <v>5432</v>
      </c>
      <c r="K127" s="48">
        <v>130</v>
      </c>
      <c r="L127" s="48">
        <v>5562</v>
      </c>
      <c r="M127" s="49">
        <v>6559</v>
      </c>
      <c r="N127" s="48">
        <v>114</v>
      </c>
      <c r="O127" s="48">
        <v>6673</v>
      </c>
      <c r="P127" s="49">
        <v>7102</v>
      </c>
      <c r="Q127" s="48">
        <v>219</v>
      </c>
      <c r="R127" s="48">
        <v>7321</v>
      </c>
      <c r="S127" s="49">
        <v>7526</v>
      </c>
      <c r="T127" s="48">
        <v>936</v>
      </c>
      <c r="U127" s="48">
        <v>8462</v>
      </c>
      <c r="V127" s="49">
        <v>6816</v>
      </c>
      <c r="W127" s="48">
        <v>694</v>
      </c>
      <c r="X127" s="48">
        <v>7510</v>
      </c>
      <c r="Y127" s="49">
        <v>6527</v>
      </c>
      <c r="Z127" s="48">
        <v>413</v>
      </c>
      <c r="AA127" s="48">
        <v>6940</v>
      </c>
      <c r="AB127" s="49">
        <v>7691</v>
      </c>
      <c r="AC127" s="48">
        <v>300</v>
      </c>
      <c r="AD127" s="48">
        <v>7991</v>
      </c>
      <c r="AE127" s="49">
        <v>9478</v>
      </c>
      <c r="AF127" s="48">
        <v>302</v>
      </c>
      <c r="AG127" s="48">
        <v>9780</v>
      </c>
      <c r="AH127" s="49">
        <v>11411</v>
      </c>
      <c r="AI127" s="48">
        <v>286</v>
      </c>
      <c r="AJ127" s="48">
        <v>11697</v>
      </c>
      <c r="AK127" s="49">
        <v>12505</v>
      </c>
      <c r="AL127" s="48">
        <v>294</v>
      </c>
      <c r="AM127" s="48">
        <v>12799</v>
      </c>
      <c r="AN127" s="49">
        <v>10774</v>
      </c>
      <c r="AO127" s="48">
        <v>249</v>
      </c>
      <c r="AP127" s="48">
        <v>11023</v>
      </c>
      <c r="AQ127" s="49">
        <v>9371</v>
      </c>
      <c r="AR127" s="48">
        <v>171</v>
      </c>
      <c r="AS127" s="48">
        <v>9542</v>
      </c>
      <c r="AT127" s="49">
        <v>9680</v>
      </c>
      <c r="AU127" s="48">
        <v>89</v>
      </c>
      <c r="AV127" s="48">
        <v>9769</v>
      </c>
      <c r="AW127" s="49">
        <v>12765</v>
      </c>
      <c r="AX127" s="48">
        <v>52</v>
      </c>
      <c r="AY127" s="48">
        <v>12817</v>
      </c>
      <c r="AZ127" s="49">
        <v>11452</v>
      </c>
      <c r="BA127" s="48">
        <v>26</v>
      </c>
      <c r="BB127" s="48">
        <v>11478</v>
      </c>
      <c r="BC127" s="49">
        <v>8445</v>
      </c>
      <c r="BD127" s="48">
        <v>13</v>
      </c>
      <c r="BE127" s="48">
        <v>8458</v>
      </c>
      <c r="BF127" s="49">
        <v>4536</v>
      </c>
      <c r="BG127" s="48">
        <v>9</v>
      </c>
      <c r="BH127" s="48">
        <v>4545</v>
      </c>
      <c r="BI127" s="49">
        <v>2032</v>
      </c>
      <c r="BJ127" s="48">
        <v>3</v>
      </c>
      <c r="BK127" s="48">
        <v>2035</v>
      </c>
      <c r="BL127" s="49">
        <v>597</v>
      </c>
      <c r="BM127" s="48">
        <v>1</v>
      </c>
      <c r="BN127" s="48">
        <v>598</v>
      </c>
      <c r="BO127" s="49">
        <v>96</v>
      </c>
      <c r="BP127" s="48">
        <v>0</v>
      </c>
      <c r="BQ127" s="50">
        <v>96</v>
      </c>
      <c r="BT127" s="66"/>
    </row>
    <row r="128" spans="1:72" x14ac:dyDescent="0.15">
      <c r="A128" s="25"/>
      <c r="B128" s="21" t="s">
        <v>29</v>
      </c>
      <c r="C128" s="67">
        <v>142123</v>
      </c>
      <c r="D128" s="37">
        <v>110556</v>
      </c>
      <c r="E128" s="38">
        <v>5023</v>
      </c>
      <c r="F128" s="39">
        <v>115579</v>
      </c>
      <c r="G128" s="52">
        <v>3233</v>
      </c>
      <c r="H128" s="52">
        <v>242</v>
      </c>
      <c r="I128" s="39">
        <v>3475</v>
      </c>
      <c r="J128" s="52">
        <v>4013</v>
      </c>
      <c r="K128" s="52">
        <v>183</v>
      </c>
      <c r="L128" s="39">
        <v>4196</v>
      </c>
      <c r="M128" s="52">
        <v>4848</v>
      </c>
      <c r="N128" s="52">
        <v>171</v>
      </c>
      <c r="O128" s="39">
        <v>5019</v>
      </c>
      <c r="P128" s="52">
        <v>5141</v>
      </c>
      <c r="Q128" s="52">
        <v>211</v>
      </c>
      <c r="R128" s="39">
        <v>5352</v>
      </c>
      <c r="S128" s="52">
        <v>6135</v>
      </c>
      <c r="T128" s="52">
        <v>569</v>
      </c>
      <c r="U128" s="39">
        <v>6704</v>
      </c>
      <c r="V128" s="52">
        <v>6337</v>
      </c>
      <c r="W128" s="52">
        <v>881</v>
      </c>
      <c r="X128" s="39">
        <v>7218</v>
      </c>
      <c r="Y128" s="52">
        <v>5910</v>
      </c>
      <c r="Z128" s="52">
        <v>842</v>
      </c>
      <c r="AA128" s="39">
        <v>6752</v>
      </c>
      <c r="AB128" s="52">
        <v>6273</v>
      </c>
      <c r="AC128" s="52">
        <v>495</v>
      </c>
      <c r="AD128" s="39">
        <v>6768</v>
      </c>
      <c r="AE128" s="52">
        <v>7413</v>
      </c>
      <c r="AF128" s="52">
        <v>437</v>
      </c>
      <c r="AG128" s="39">
        <v>7850</v>
      </c>
      <c r="AH128" s="52">
        <v>9044</v>
      </c>
      <c r="AI128" s="52">
        <v>262</v>
      </c>
      <c r="AJ128" s="39">
        <v>9306</v>
      </c>
      <c r="AK128" s="52">
        <v>10375</v>
      </c>
      <c r="AL128" s="52">
        <v>253</v>
      </c>
      <c r="AM128" s="39">
        <v>10628</v>
      </c>
      <c r="AN128" s="52">
        <v>8472</v>
      </c>
      <c r="AO128" s="52">
        <v>198</v>
      </c>
      <c r="AP128" s="39">
        <v>8670</v>
      </c>
      <c r="AQ128" s="52">
        <v>6473</v>
      </c>
      <c r="AR128" s="52">
        <v>119</v>
      </c>
      <c r="AS128" s="39">
        <v>6592</v>
      </c>
      <c r="AT128" s="52">
        <v>5817</v>
      </c>
      <c r="AU128" s="52">
        <v>70</v>
      </c>
      <c r="AV128" s="39">
        <v>5887</v>
      </c>
      <c r="AW128" s="52">
        <v>7045</v>
      </c>
      <c r="AX128" s="52">
        <v>41</v>
      </c>
      <c r="AY128" s="39">
        <v>7086</v>
      </c>
      <c r="AZ128" s="52">
        <v>6296</v>
      </c>
      <c r="BA128" s="52">
        <v>32</v>
      </c>
      <c r="BB128" s="39">
        <v>6328</v>
      </c>
      <c r="BC128" s="52">
        <v>4652</v>
      </c>
      <c r="BD128" s="52">
        <v>10</v>
      </c>
      <c r="BE128" s="39">
        <v>4662</v>
      </c>
      <c r="BF128" s="52">
        <v>2236</v>
      </c>
      <c r="BG128" s="52">
        <v>6</v>
      </c>
      <c r="BH128" s="39">
        <v>2242</v>
      </c>
      <c r="BI128" s="52">
        <v>703</v>
      </c>
      <c r="BJ128" s="52">
        <v>1</v>
      </c>
      <c r="BK128" s="39">
        <v>704</v>
      </c>
      <c r="BL128" s="52">
        <v>131</v>
      </c>
      <c r="BM128" s="52">
        <v>0</v>
      </c>
      <c r="BN128" s="39">
        <v>131</v>
      </c>
      <c r="BO128" s="52">
        <v>9</v>
      </c>
      <c r="BP128" s="52">
        <v>0</v>
      </c>
      <c r="BQ128" s="41">
        <v>9</v>
      </c>
      <c r="BT128" s="66"/>
    </row>
    <row r="129" spans="1:72" x14ac:dyDescent="0.15">
      <c r="A129" s="25" t="s">
        <v>71</v>
      </c>
      <c r="B129" s="26" t="s">
        <v>31</v>
      </c>
      <c r="C129" s="68"/>
      <c r="D129" s="42">
        <v>104015</v>
      </c>
      <c r="E129" s="40">
        <v>4346</v>
      </c>
      <c r="F129" s="43">
        <v>108361</v>
      </c>
      <c r="G129" s="52">
        <v>3123</v>
      </c>
      <c r="H129" s="52">
        <v>228</v>
      </c>
      <c r="I129" s="43">
        <v>3351</v>
      </c>
      <c r="J129" s="52">
        <v>3915</v>
      </c>
      <c r="K129" s="52">
        <v>231</v>
      </c>
      <c r="L129" s="43">
        <v>4146</v>
      </c>
      <c r="M129" s="52">
        <v>4429</v>
      </c>
      <c r="N129" s="52">
        <v>149</v>
      </c>
      <c r="O129" s="43">
        <v>4578</v>
      </c>
      <c r="P129" s="52">
        <v>4839</v>
      </c>
      <c r="Q129" s="52">
        <v>183</v>
      </c>
      <c r="R129" s="43">
        <v>5022</v>
      </c>
      <c r="S129" s="52">
        <v>5444</v>
      </c>
      <c r="T129" s="52">
        <v>358</v>
      </c>
      <c r="U129" s="43">
        <v>5802</v>
      </c>
      <c r="V129" s="52">
        <v>5058</v>
      </c>
      <c r="W129" s="52">
        <v>627</v>
      </c>
      <c r="X129" s="43">
        <v>5685</v>
      </c>
      <c r="Y129" s="52">
        <v>4679</v>
      </c>
      <c r="Z129" s="52">
        <v>518</v>
      </c>
      <c r="AA129" s="43">
        <v>5197</v>
      </c>
      <c r="AB129" s="52">
        <v>5215</v>
      </c>
      <c r="AC129" s="52">
        <v>393</v>
      </c>
      <c r="AD129" s="43">
        <v>5608</v>
      </c>
      <c r="AE129" s="52">
        <v>6303</v>
      </c>
      <c r="AF129" s="52">
        <v>388</v>
      </c>
      <c r="AG129" s="43">
        <v>6691</v>
      </c>
      <c r="AH129" s="52">
        <v>7769</v>
      </c>
      <c r="AI129" s="52">
        <v>315</v>
      </c>
      <c r="AJ129" s="43">
        <v>8084</v>
      </c>
      <c r="AK129" s="52">
        <v>8729</v>
      </c>
      <c r="AL129" s="52">
        <v>327</v>
      </c>
      <c r="AM129" s="43">
        <v>9056</v>
      </c>
      <c r="AN129" s="52">
        <v>7040</v>
      </c>
      <c r="AO129" s="52">
        <v>250</v>
      </c>
      <c r="AP129" s="43">
        <v>7290</v>
      </c>
      <c r="AQ129" s="52">
        <v>5741</v>
      </c>
      <c r="AR129" s="52">
        <v>165</v>
      </c>
      <c r="AS129" s="43">
        <v>5906</v>
      </c>
      <c r="AT129" s="52">
        <v>5755</v>
      </c>
      <c r="AU129" s="52">
        <v>98</v>
      </c>
      <c r="AV129" s="43">
        <v>5853</v>
      </c>
      <c r="AW129" s="52">
        <v>7775</v>
      </c>
      <c r="AX129" s="52">
        <v>55</v>
      </c>
      <c r="AY129" s="43">
        <v>7830</v>
      </c>
      <c r="AZ129" s="52">
        <v>7297</v>
      </c>
      <c r="BA129" s="52">
        <v>32</v>
      </c>
      <c r="BB129" s="43">
        <v>7329</v>
      </c>
      <c r="BC129" s="52">
        <v>5668</v>
      </c>
      <c r="BD129" s="52">
        <v>16</v>
      </c>
      <c r="BE129" s="43">
        <v>5684</v>
      </c>
      <c r="BF129" s="52">
        <v>3181</v>
      </c>
      <c r="BG129" s="52">
        <v>9</v>
      </c>
      <c r="BH129" s="43">
        <v>3190</v>
      </c>
      <c r="BI129" s="52">
        <v>1510</v>
      </c>
      <c r="BJ129" s="52">
        <v>3</v>
      </c>
      <c r="BK129" s="43">
        <v>1513</v>
      </c>
      <c r="BL129" s="52">
        <v>460</v>
      </c>
      <c r="BM129" s="52">
        <v>1</v>
      </c>
      <c r="BN129" s="43">
        <v>461</v>
      </c>
      <c r="BO129" s="52">
        <v>85</v>
      </c>
      <c r="BP129" s="52">
        <v>0</v>
      </c>
      <c r="BQ129" s="44">
        <v>85</v>
      </c>
      <c r="BT129" s="66"/>
    </row>
    <row r="130" spans="1:72" ht="15" thickBot="1" x14ac:dyDescent="0.2">
      <c r="A130" s="45"/>
      <c r="B130" s="32" t="s">
        <v>32</v>
      </c>
      <c r="C130" s="69"/>
      <c r="D130" s="46">
        <v>214571</v>
      </c>
      <c r="E130" s="47">
        <v>9369</v>
      </c>
      <c r="F130" s="48">
        <v>223940</v>
      </c>
      <c r="G130" s="49">
        <v>6356</v>
      </c>
      <c r="H130" s="48">
        <v>470</v>
      </c>
      <c r="I130" s="48">
        <v>6826</v>
      </c>
      <c r="J130" s="49">
        <v>7928</v>
      </c>
      <c r="K130" s="48">
        <v>414</v>
      </c>
      <c r="L130" s="48">
        <v>8342</v>
      </c>
      <c r="M130" s="49">
        <v>9277</v>
      </c>
      <c r="N130" s="48">
        <v>320</v>
      </c>
      <c r="O130" s="48">
        <v>9597</v>
      </c>
      <c r="P130" s="49">
        <v>9980</v>
      </c>
      <c r="Q130" s="48">
        <v>394</v>
      </c>
      <c r="R130" s="48">
        <v>10374</v>
      </c>
      <c r="S130" s="49">
        <v>11579</v>
      </c>
      <c r="T130" s="48">
        <v>927</v>
      </c>
      <c r="U130" s="48">
        <v>12506</v>
      </c>
      <c r="V130" s="49">
        <v>11395</v>
      </c>
      <c r="W130" s="48">
        <v>1508</v>
      </c>
      <c r="X130" s="48">
        <v>12903</v>
      </c>
      <c r="Y130" s="49">
        <v>10589</v>
      </c>
      <c r="Z130" s="48">
        <v>1360</v>
      </c>
      <c r="AA130" s="48">
        <v>11949</v>
      </c>
      <c r="AB130" s="49">
        <v>11488</v>
      </c>
      <c r="AC130" s="48">
        <v>888</v>
      </c>
      <c r="AD130" s="48">
        <v>12376</v>
      </c>
      <c r="AE130" s="49">
        <v>13716</v>
      </c>
      <c r="AF130" s="48">
        <v>825</v>
      </c>
      <c r="AG130" s="48">
        <v>14541</v>
      </c>
      <c r="AH130" s="49">
        <v>16813</v>
      </c>
      <c r="AI130" s="48">
        <v>577</v>
      </c>
      <c r="AJ130" s="48">
        <v>17390</v>
      </c>
      <c r="AK130" s="49">
        <v>19104</v>
      </c>
      <c r="AL130" s="48">
        <v>580</v>
      </c>
      <c r="AM130" s="48">
        <v>19684</v>
      </c>
      <c r="AN130" s="49">
        <v>15512</v>
      </c>
      <c r="AO130" s="48">
        <v>448</v>
      </c>
      <c r="AP130" s="48">
        <v>15960</v>
      </c>
      <c r="AQ130" s="49">
        <v>12214</v>
      </c>
      <c r="AR130" s="48">
        <v>284</v>
      </c>
      <c r="AS130" s="48">
        <v>12498</v>
      </c>
      <c r="AT130" s="49">
        <v>11572</v>
      </c>
      <c r="AU130" s="48">
        <v>168</v>
      </c>
      <c r="AV130" s="48">
        <v>11740</v>
      </c>
      <c r="AW130" s="49">
        <v>14820</v>
      </c>
      <c r="AX130" s="48">
        <v>96</v>
      </c>
      <c r="AY130" s="48">
        <v>14916</v>
      </c>
      <c r="AZ130" s="49">
        <v>13593</v>
      </c>
      <c r="BA130" s="48">
        <v>64</v>
      </c>
      <c r="BB130" s="48">
        <v>13657</v>
      </c>
      <c r="BC130" s="49">
        <v>10320</v>
      </c>
      <c r="BD130" s="48">
        <v>26</v>
      </c>
      <c r="BE130" s="48">
        <v>10346</v>
      </c>
      <c r="BF130" s="49">
        <v>5417</v>
      </c>
      <c r="BG130" s="48">
        <v>15</v>
      </c>
      <c r="BH130" s="48">
        <v>5432</v>
      </c>
      <c r="BI130" s="49">
        <v>2213</v>
      </c>
      <c r="BJ130" s="48">
        <v>4</v>
      </c>
      <c r="BK130" s="48">
        <v>2217</v>
      </c>
      <c r="BL130" s="49">
        <v>591</v>
      </c>
      <c r="BM130" s="48">
        <v>1</v>
      </c>
      <c r="BN130" s="48">
        <v>592</v>
      </c>
      <c r="BO130" s="49">
        <v>94</v>
      </c>
      <c r="BP130" s="48">
        <v>0</v>
      </c>
      <c r="BQ130" s="50">
        <v>94</v>
      </c>
      <c r="BT130" s="66"/>
    </row>
    <row r="131" spans="1:72" x14ac:dyDescent="0.15">
      <c r="A131" s="25"/>
      <c r="B131" s="21" t="s">
        <v>29</v>
      </c>
      <c r="C131" s="67">
        <v>142131</v>
      </c>
      <c r="D131" s="37">
        <v>118382</v>
      </c>
      <c r="E131" s="38">
        <v>3924</v>
      </c>
      <c r="F131" s="39">
        <v>122306</v>
      </c>
      <c r="G131" s="52">
        <v>4664</v>
      </c>
      <c r="H131" s="52">
        <v>131</v>
      </c>
      <c r="I131" s="39">
        <v>4795</v>
      </c>
      <c r="J131" s="52">
        <v>4901</v>
      </c>
      <c r="K131" s="52">
        <v>136</v>
      </c>
      <c r="L131" s="39">
        <v>5037</v>
      </c>
      <c r="M131" s="52">
        <v>5003</v>
      </c>
      <c r="N131" s="52">
        <v>143</v>
      </c>
      <c r="O131" s="39">
        <v>5146</v>
      </c>
      <c r="P131" s="52">
        <v>5151</v>
      </c>
      <c r="Q131" s="52">
        <v>153</v>
      </c>
      <c r="R131" s="39">
        <v>5304</v>
      </c>
      <c r="S131" s="52">
        <v>5867</v>
      </c>
      <c r="T131" s="52">
        <v>440</v>
      </c>
      <c r="U131" s="39">
        <v>6307</v>
      </c>
      <c r="V131" s="52">
        <v>7158</v>
      </c>
      <c r="W131" s="52">
        <v>644</v>
      </c>
      <c r="X131" s="39">
        <v>7802</v>
      </c>
      <c r="Y131" s="52">
        <v>7254</v>
      </c>
      <c r="Z131" s="52">
        <v>507</v>
      </c>
      <c r="AA131" s="39">
        <v>7761</v>
      </c>
      <c r="AB131" s="52">
        <v>7739</v>
      </c>
      <c r="AC131" s="52">
        <v>373</v>
      </c>
      <c r="AD131" s="39">
        <v>8112</v>
      </c>
      <c r="AE131" s="52">
        <v>8165</v>
      </c>
      <c r="AF131" s="52">
        <v>293</v>
      </c>
      <c r="AG131" s="39">
        <v>8458</v>
      </c>
      <c r="AH131" s="52">
        <v>9772</v>
      </c>
      <c r="AI131" s="52">
        <v>248</v>
      </c>
      <c r="AJ131" s="39">
        <v>10020</v>
      </c>
      <c r="AK131" s="52">
        <v>10766</v>
      </c>
      <c r="AL131" s="52">
        <v>244</v>
      </c>
      <c r="AM131" s="39">
        <v>11010</v>
      </c>
      <c r="AN131" s="52">
        <v>8962</v>
      </c>
      <c r="AO131" s="52">
        <v>233</v>
      </c>
      <c r="AP131" s="39">
        <v>9195</v>
      </c>
      <c r="AQ131" s="52">
        <v>7136</v>
      </c>
      <c r="AR131" s="52">
        <v>158</v>
      </c>
      <c r="AS131" s="39">
        <v>7294</v>
      </c>
      <c r="AT131" s="52">
        <v>5891</v>
      </c>
      <c r="AU131" s="52">
        <v>102</v>
      </c>
      <c r="AV131" s="39">
        <v>5993</v>
      </c>
      <c r="AW131" s="52">
        <v>6358</v>
      </c>
      <c r="AX131" s="52">
        <v>59</v>
      </c>
      <c r="AY131" s="39">
        <v>6417</v>
      </c>
      <c r="AZ131" s="52">
        <v>5581</v>
      </c>
      <c r="BA131" s="52">
        <v>34</v>
      </c>
      <c r="BB131" s="39">
        <v>5615</v>
      </c>
      <c r="BC131" s="52">
        <v>4707</v>
      </c>
      <c r="BD131" s="52">
        <v>19</v>
      </c>
      <c r="BE131" s="39">
        <v>4726</v>
      </c>
      <c r="BF131" s="52">
        <v>2410</v>
      </c>
      <c r="BG131" s="52">
        <v>5</v>
      </c>
      <c r="BH131" s="39">
        <v>2415</v>
      </c>
      <c r="BI131" s="52">
        <v>727</v>
      </c>
      <c r="BJ131" s="52">
        <v>1</v>
      </c>
      <c r="BK131" s="39">
        <v>728</v>
      </c>
      <c r="BL131" s="52">
        <v>159</v>
      </c>
      <c r="BM131" s="52">
        <v>1</v>
      </c>
      <c r="BN131" s="39">
        <v>160</v>
      </c>
      <c r="BO131" s="52">
        <v>11</v>
      </c>
      <c r="BP131" s="52">
        <v>0</v>
      </c>
      <c r="BQ131" s="39">
        <v>11</v>
      </c>
      <c r="BT131" s="66"/>
    </row>
    <row r="132" spans="1:72" x14ac:dyDescent="0.15">
      <c r="A132" s="25" t="s">
        <v>72</v>
      </c>
      <c r="B132" s="26" t="s">
        <v>31</v>
      </c>
      <c r="C132" s="68"/>
      <c r="D132" s="42">
        <v>118611</v>
      </c>
      <c r="E132" s="40">
        <v>4121</v>
      </c>
      <c r="F132" s="43">
        <v>122732</v>
      </c>
      <c r="G132" s="52">
        <v>4439</v>
      </c>
      <c r="H132" s="52">
        <v>124</v>
      </c>
      <c r="I132" s="43">
        <v>4563</v>
      </c>
      <c r="J132" s="52">
        <v>4719</v>
      </c>
      <c r="K132" s="52">
        <v>168</v>
      </c>
      <c r="L132" s="43">
        <v>4887</v>
      </c>
      <c r="M132" s="52">
        <v>4911</v>
      </c>
      <c r="N132" s="52">
        <v>112</v>
      </c>
      <c r="O132" s="43">
        <v>5023</v>
      </c>
      <c r="P132" s="52">
        <v>4802</v>
      </c>
      <c r="Q132" s="52">
        <v>173</v>
      </c>
      <c r="R132" s="43">
        <v>4975</v>
      </c>
      <c r="S132" s="52">
        <v>5843</v>
      </c>
      <c r="T132" s="52">
        <v>363</v>
      </c>
      <c r="U132" s="43">
        <v>6206</v>
      </c>
      <c r="V132" s="52">
        <v>7039</v>
      </c>
      <c r="W132" s="52">
        <v>462</v>
      </c>
      <c r="X132" s="43">
        <v>7501</v>
      </c>
      <c r="Y132" s="52">
        <v>6813</v>
      </c>
      <c r="Z132" s="52">
        <v>384</v>
      </c>
      <c r="AA132" s="43">
        <v>7197</v>
      </c>
      <c r="AB132" s="52">
        <v>7107</v>
      </c>
      <c r="AC132" s="52">
        <v>359</v>
      </c>
      <c r="AD132" s="43">
        <v>7466</v>
      </c>
      <c r="AE132" s="52">
        <v>7504</v>
      </c>
      <c r="AF132" s="52">
        <v>375</v>
      </c>
      <c r="AG132" s="43">
        <v>7879</v>
      </c>
      <c r="AH132" s="52">
        <v>8762</v>
      </c>
      <c r="AI132" s="52">
        <v>316</v>
      </c>
      <c r="AJ132" s="43">
        <v>9078</v>
      </c>
      <c r="AK132" s="52">
        <v>9765</v>
      </c>
      <c r="AL132" s="52">
        <v>381</v>
      </c>
      <c r="AM132" s="43">
        <v>10146</v>
      </c>
      <c r="AN132" s="52">
        <v>8391</v>
      </c>
      <c r="AO132" s="52">
        <v>345</v>
      </c>
      <c r="AP132" s="43">
        <v>8736</v>
      </c>
      <c r="AQ132" s="52">
        <v>6424</v>
      </c>
      <c r="AR132" s="52">
        <v>226</v>
      </c>
      <c r="AS132" s="43">
        <v>6650</v>
      </c>
      <c r="AT132" s="52">
        <v>5616</v>
      </c>
      <c r="AU132" s="52">
        <v>164</v>
      </c>
      <c r="AV132" s="43">
        <v>5780</v>
      </c>
      <c r="AW132" s="52">
        <v>7119</v>
      </c>
      <c r="AX132" s="52">
        <v>64</v>
      </c>
      <c r="AY132" s="43">
        <v>7183</v>
      </c>
      <c r="AZ132" s="52">
        <v>7193</v>
      </c>
      <c r="BA132" s="52">
        <v>51</v>
      </c>
      <c r="BB132" s="43">
        <v>7244</v>
      </c>
      <c r="BC132" s="52">
        <v>6262</v>
      </c>
      <c r="BD132" s="52">
        <v>29</v>
      </c>
      <c r="BE132" s="43">
        <v>6291</v>
      </c>
      <c r="BF132" s="52">
        <v>3630</v>
      </c>
      <c r="BG132" s="52">
        <v>16</v>
      </c>
      <c r="BH132" s="43">
        <v>3646</v>
      </c>
      <c r="BI132" s="52">
        <v>1668</v>
      </c>
      <c r="BJ132" s="52">
        <v>9</v>
      </c>
      <c r="BK132" s="43">
        <v>1677</v>
      </c>
      <c r="BL132" s="52">
        <v>505</v>
      </c>
      <c r="BM132" s="52">
        <v>0</v>
      </c>
      <c r="BN132" s="43">
        <v>505</v>
      </c>
      <c r="BO132" s="52">
        <v>99</v>
      </c>
      <c r="BP132" s="52">
        <v>0</v>
      </c>
      <c r="BQ132" s="43">
        <v>99</v>
      </c>
      <c r="BT132" s="66"/>
    </row>
    <row r="133" spans="1:72" ht="15" thickBot="1" x14ac:dyDescent="0.2">
      <c r="A133" s="45"/>
      <c r="B133" s="32" t="s">
        <v>32</v>
      </c>
      <c r="C133" s="69"/>
      <c r="D133" s="46">
        <v>236993</v>
      </c>
      <c r="E133" s="47">
        <v>8045</v>
      </c>
      <c r="F133" s="48">
        <v>245038</v>
      </c>
      <c r="G133" s="49">
        <v>9103</v>
      </c>
      <c r="H133" s="48">
        <v>255</v>
      </c>
      <c r="I133" s="48">
        <v>9358</v>
      </c>
      <c r="J133" s="49">
        <v>9620</v>
      </c>
      <c r="K133" s="48">
        <v>304</v>
      </c>
      <c r="L133" s="48">
        <v>9924</v>
      </c>
      <c r="M133" s="49">
        <v>9914</v>
      </c>
      <c r="N133" s="48">
        <v>255</v>
      </c>
      <c r="O133" s="48">
        <v>10169</v>
      </c>
      <c r="P133" s="49">
        <v>9953</v>
      </c>
      <c r="Q133" s="48">
        <v>326</v>
      </c>
      <c r="R133" s="48">
        <v>10279</v>
      </c>
      <c r="S133" s="49">
        <v>11710</v>
      </c>
      <c r="T133" s="48">
        <v>803</v>
      </c>
      <c r="U133" s="48">
        <v>12513</v>
      </c>
      <c r="V133" s="49">
        <v>14197</v>
      </c>
      <c r="W133" s="48">
        <v>1106</v>
      </c>
      <c r="X133" s="48">
        <v>15303</v>
      </c>
      <c r="Y133" s="49">
        <v>14067</v>
      </c>
      <c r="Z133" s="48">
        <v>891</v>
      </c>
      <c r="AA133" s="48">
        <v>14958</v>
      </c>
      <c r="AB133" s="49">
        <v>14846</v>
      </c>
      <c r="AC133" s="48">
        <v>732</v>
      </c>
      <c r="AD133" s="48">
        <v>15578</v>
      </c>
      <c r="AE133" s="49">
        <v>15669</v>
      </c>
      <c r="AF133" s="48">
        <v>668</v>
      </c>
      <c r="AG133" s="48">
        <v>16337</v>
      </c>
      <c r="AH133" s="49">
        <v>18534</v>
      </c>
      <c r="AI133" s="48">
        <v>564</v>
      </c>
      <c r="AJ133" s="48">
        <v>19098</v>
      </c>
      <c r="AK133" s="49">
        <v>20531</v>
      </c>
      <c r="AL133" s="48">
        <v>625</v>
      </c>
      <c r="AM133" s="48">
        <v>21156</v>
      </c>
      <c r="AN133" s="49">
        <v>17353</v>
      </c>
      <c r="AO133" s="48">
        <v>578</v>
      </c>
      <c r="AP133" s="48">
        <v>17931</v>
      </c>
      <c r="AQ133" s="49">
        <v>13560</v>
      </c>
      <c r="AR133" s="48">
        <v>384</v>
      </c>
      <c r="AS133" s="48">
        <v>13944</v>
      </c>
      <c r="AT133" s="49">
        <v>11507</v>
      </c>
      <c r="AU133" s="48">
        <v>266</v>
      </c>
      <c r="AV133" s="48">
        <v>11773</v>
      </c>
      <c r="AW133" s="49">
        <v>13477</v>
      </c>
      <c r="AX133" s="48">
        <v>123</v>
      </c>
      <c r="AY133" s="48">
        <v>13600</v>
      </c>
      <c r="AZ133" s="49">
        <v>12774</v>
      </c>
      <c r="BA133" s="48">
        <v>85</v>
      </c>
      <c r="BB133" s="48">
        <v>12859</v>
      </c>
      <c r="BC133" s="49">
        <v>10969</v>
      </c>
      <c r="BD133" s="48">
        <v>48</v>
      </c>
      <c r="BE133" s="48">
        <v>11017</v>
      </c>
      <c r="BF133" s="49">
        <v>6040</v>
      </c>
      <c r="BG133" s="48">
        <v>21</v>
      </c>
      <c r="BH133" s="48">
        <v>6061</v>
      </c>
      <c r="BI133" s="49">
        <v>2395</v>
      </c>
      <c r="BJ133" s="48">
        <v>10</v>
      </c>
      <c r="BK133" s="48">
        <v>2405</v>
      </c>
      <c r="BL133" s="49">
        <v>664</v>
      </c>
      <c r="BM133" s="48">
        <v>1</v>
      </c>
      <c r="BN133" s="48">
        <v>665</v>
      </c>
      <c r="BO133" s="49">
        <v>110</v>
      </c>
      <c r="BP133" s="48">
        <v>0</v>
      </c>
      <c r="BQ133" s="48">
        <v>110</v>
      </c>
      <c r="BT133" s="66"/>
    </row>
    <row r="134" spans="1:72" x14ac:dyDescent="0.15">
      <c r="A134" s="25"/>
      <c r="B134" s="21" t="s">
        <v>29</v>
      </c>
      <c r="C134" s="67">
        <v>142140</v>
      </c>
      <c r="D134" s="37">
        <v>49206</v>
      </c>
      <c r="E134" s="38">
        <v>1705</v>
      </c>
      <c r="F134" s="39">
        <v>50911</v>
      </c>
      <c r="G134" s="52">
        <v>1568</v>
      </c>
      <c r="H134" s="52">
        <v>83</v>
      </c>
      <c r="I134" s="39">
        <v>1651</v>
      </c>
      <c r="J134" s="52">
        <v>1880</v>
      </c>
      <c r="K134" s="52">
        <v>68</v>
      </c>
      <c r="L134" s="39">
        <v>1948</v>
      </c>
      <c r="M134" s="52">
        <v>2000</v>
      </c>
      <c r="N134" s="52">
        <v>43</v>
      </c>
      <c r="O134" s="39">
        <v>2043</v>
      </c>
      <c r="P134" s="52">
        <v>2250</v>
      </c>
      <c r="Q134" s="52">
        <v>51</v>
      </c>
      <c r="R134" s="39">
        <v>2301</v>
      </c>
      <c r="S134" s="52">
        <v>2743</v>
      </c>
      <c r="T134" s="52">
        <v>234</v>
      </c>
      <c r="U134" s="39">
        <v>2977</v>
      </c>
      <c r="V134" s="52">
        <v>2935</v>
      </c>
      <c r="W134" s="52">
        <v>370</v>
      </c>
      <c r="X134" s="39">
        <v>3305</v>
      </c>
      <c r="Y134" s="52">
        <v>2793</v>
      </c>
      <c r="Z134" s="52">
        <v>304</v>
      </c>
      <c r="AA134" s="39">
        <v>3097</v>
      </c>
      <c r="AB134" s="52">
        <v>2802</v>
      </c>
      <c r="AC134" s="52">
        <v>213</v>
      </c>
      <c r="AD134" s="39">
        <v>3015</v>
      </c>
      <c r="AE134" s="52">
        <v>3202</v>
      </c>
      <c r="AF134" s="52">
        <v>116</v>
      </c>
      <c r="AG134" s="39">
        <v>3318</v>
      </c>
      <c r="AH134" s="52">
        <v>3794</v>
      </c>
      <c r="AI134" s="52">
        <v>70</v>
      </c>
      <c r="AJ134" s="39">
        <v>3864</v>
      </c>
      <c r="AK134" s="52">
        <v>4336</v>
      </c>
      <c r="AL134" s="52">
        <v>55</v>
      </c>
      <c r="AM134" s="39">
        <v>4391</v>
      </c>
      <c r="AN134" s="52">
        <v>3715</v>
      </c>
      <c r="AO134" s="52">
        <v>32</v>
      </c>
      <c r="AP134" s="39">
        <v>3747</v>
      </c>
      <c r="AQ134" s="52">
        <v>2985</v>
      </c>
      <c r="AR134" s="52">
        <v>33</v>
      </c>
      <c r="AS134" s="39">
        <v>3018</v>
      </c>
      <c r="AT134" s="52">
        <v>2609</v>
      </c>
      <c r="AU134" s="52">
        <v>20</v>
      </c>
      <c r="AV134" s="39">
        <v>2629</v>
      </c>
      <c r="AW134" s="52">
        <v>3061</v>
      </c>
      <c r="AX134" s="52">
        <v>8</v>
      </c>
      <c r="AY134" s="39">
        <v>3069</v>
      </c>
      <c r="AZ134" s="52">
        <v>2801</v>
      </c>
      <c r="BA134" s="52">
        <v>2</v>
      </c>
      <c r="BB134" s="39">
        <v>2803</v>
      </c>
      <c r="BC134" s="52">
        <v>2140</v>
      </c>
      <c r="BD134" s="52">
        <v>2</v>
      </c>
      <c r="BE134" s="39">
        <v>2142</v>
      </c>
      <c r="BF134" s="52">
        <v>1136</v>
      </c>
      <c r="BG134" s="52">
        <v>0</v>
      </c>
      <c r="BH134" s="39">
        <v>1136</v>
      </c>
      <c r="BI134" s="52">
        <v>381</v>
      </c>
      <c r="BJ134" s="52">
        <v>1</v>
      </c>
      <c r="BK134" s="39">
        <v>382</v>
      </c>
      <c r="BL134" s="52">
        <v>68</v>
      </c>
      <c r="BM134" s="52">
        <v>0</v>
      </c>
      <c r="BN134" s="39">
        <v>68</v>
      </c>
      <c r="BO134" s="52">
        <v>7</v>
      </c>
      <c r="BP134" s="52">
        <v>0</v>
      </c>
      <c r="BQ134" s="41">
        <v>7</v>
      </c>
      <c r="BT134" s="66"/>
    </row>
    <row r="135" spans="1:72" x14ac:dyDescent="0.15">
      <c r="A135" s="25" t="s">
        <v>73</v>
      </c>
      <c r="B135" s="26" t="s">
        <v>31</v>
      </c>
      <c r="C135" s="68"/>
      <c r="D135" s="42">
        <v>47721</v>
      </c>
      <c r="E135" s="40">
        <v>1524</v>
      </c>
      <c r="F135" s="43">
        <v>49245</v>
      </c>
      <c r="G135" s="52">
        <v>1484</v>
      </c>
      <c r="H135" s="52">
        <v>67</v>
      </c>
      <c r="I135" s="43">
        <v>1551</v>
      </c>
      <c r="J135" s="52">
        <v>1751</v>
      </c>
      <c r="K135" s="52">
        <v>62</v>
      </c>
      <c r="L135" s="43">
        <v>1813</v>
      </c>
      <c r="M135" s="52">
        <v>1946</v>
      </c>
      <c r="N135" s="52">
        <v>50</v>
      </c>
      <c r="O135" s="43">
        <v>1996</v>
      </c>
      <c r="P135" s="52">
        <v>2121</v>
      </c>
      <c r="Q135" s="52">
        <v>79</v>
      </c>
      <c r="R135" s="43">
        <v>2200</v>
      </c>
      <c r="S135" s="52">
        <v>2485</v>
      </c>
      <c r="T135" s="52">
        <v>194</v>
      </c>
      <c r="U135" s="43">
        <v>2679</v>
      </c>
      <c r="V135" s="52">
        <v>2415</v>
      </c>
      <c r="W135" s="52">
        <v>231</v>
      </c>
      <c r="X135" s="43">
        <v>2646</v>
      </c>
      <c r="Y135" s="52">
        <v>2298</v>
      </c>
      <c r="Z135" s="52">
        <v>216</v>
      </c>
      <c r="AA135" s="43">
        <v>2514</v>
      </c>
      <c r="AB135" s="52">
        <v>2439</v>
      </c>
      <c r="AC135" s="52">
        <v>171</v>
      </c>
      <c r="AD135" s="43">
        <v>2610</v>
      </c>
      <c r="AE135" s="52">
        <v>2783</v>
      </c>
      <c r="AF135" s="52">
        <v>113</v>
      </c>
      <c r="AG135" s="43">
        <v>2896</v>
      </c>
      <c r="AH135" s="52">
        <v>3488</v>
      </c>
      <c r="AI135" s="52">
        <v>106</v>
      </c>
      <c r="AJ135" s="43">
        <v>3594</v>
      </c>
      <c r="AK135" s="52">
        <v>3893</v>
      </c>
      <c r="AL135" s="52">
        <v>81</v>
      </c>
      <c r="AM135" s="43">
        <v>3974</v>
      </c>
      <c r="AN135" s="52">
        <v>3265</v>
      </c>
      <c r="AO135" s="52">
        <v>71</v>
      </c>
      <c r="AP135" s="43">
        <v>3336</v>
      </c>
      <c r="AQ135" s="52">
        <v>2729</v>
      </c>
      <c r="AR135" s="52">
        <v>45</v>
      </c>
      <c r="AS135" s="43">
        <v>2774</v>
      </c>
      <c r="AT135" s="52">
        <v>2604</v>
      </c>
      <c r="AU135" s="52">
        <v>18</v>
      </c>
      <c r="AV135" s="43">
        <v>2622</v>
      </c>
      <c r="AW135" s="52">
        <v>3397</v>
      </c>
      <c r="AX135" s="52">
        <v>9</v>
      </c>
      <c r="AY135" s="43">
        <v>3406</v>
      </c>
      <c r="AZ135" s="52">
        <v>3200</v>
      </c>
      <c r="BA135" s="52">
        <v>4</v>
      </c>
      <c r="BB135" s="43">
        <v>3204</v>
      </c>
      <c r="BC135" s="52">
        <v>2704</v>
      </c>
      <c r="BD135" s="52">
        <v>5</v>
      </c>
      <c r="BE135" s="43">
        <v>2709</v>
      </c>
      <c r="BF135" s="52">
        <v>1647</v>
      </c>
      <c r="BG135" s="52">
        <v>1</v>
      </c>
      <c r="BH135" s="43">
        <v>1648</v>
      </c>
      <c r="BI135" s="52">
        <v>749</v>
      </c>
      <c r="BJ135" s="52">
        <v>1</v>
      </c>
      <c r="BK135" s="43">
        <v>750</v>
      </c>
      <c r="BL135" s="52">
        <v>280</v>
      </c>
      <c r="BM135" s="52">
        <v>0</v>
      </c>
      <c r="BN135" s="43">
        <v>280</v>
      </c>
      <c r="BO135" s="52">
        <v>43</v>
      </c>
      <c r="BP135" s="52">
        <v>0</v>
      </c>
      <c r="BQ135" s="44">
        <v>43</v>
      </c>
      <c r="BT135" s="66"/>
    </row>
    <row r="136" spans="1:72" ht="15" thickBot="1" x14ac:dyDescent="0.2">
      <c r="A136" s="45"/>
      <c r="B136" s="32" t="s">
        <v>32</v>
      </c>
      <c r="C136" s="69"/>
      <c r="D136" s="46">
        <v>96927</v>
      </c>
      <c r="E136" s="47">
        <v>3229</v>
      </c>
      <c r="F136" s="48">
        <v>100156</v>
      </c>
      <c r="G136" s="49">
        <v>3052</v>
      </c>
      <c r="H136" s="48">
        <v>150</v>
      </c>
      <c r="I136" s="48">
        <v>3202</v>
      </c>
      <c r="J136" s="49">
        <v>3631</v>
      </c>
      <c r="K136" s="48">
        <v>130</v>
      </c>
      <c r="L136" s="48">
        <v>3761</v>
      </c>
      <c r="M136" s="49">
        <v>3946</v>
      </c>
      <c r="N136" s="48">
        <v>93</v>
      </c>
      <c r="O136" s="48">
        <v>4039</v>
      </c>
      <c r="P136" s="49">
        <v>4371</v>
      </c>
      <c r="Q136" s="48">
        <v>130</v>
      </c>
      <c r="R136" s="48">
        <v>4501</v>
      </c>
      <c r="S136" s="49">
        <v>5228</v>
      </c>
      <c r="T136" s="48">
        <v>428</v>
      </c>
      <c r="U136" s="48">
        <v>5656</v>
      </c>
      <c r="V136" s="49">
        <v>5350</v>
      </c>
      <c r="W136" s="48">
        <v>601</v>
      </c>
      <c r="X136" s="48">
        <v>5951</v>
      </c>
      <c r="Y136" s="49">
        <v>5091</v>
      </c>
      <c r="Z136" s="48">
        <v>520</v>
      </c>
      <c r="AA136" s="48">
        <v>5611</v>
      </c>
      <c r="AB136" s="49">
        <v>5241</v>
      </c>
      <c r="AC136" s="48">
        <v>384</v>
      </c>
      <c r="AD136" s="48">
        <v>5625</v>
      </c>
      <c r="AE136" s="49">
        <v>5985</v>
      </c>
      <c r="AF136" s="48">
        <v>229</v>
      </c>
      <c r="AG136" s="48">
        <v>6214</v>
      </c>
      <c r="AH136" s="49">
        <v>7282</v>
      </c>
      <c r="AI136" s="48">
        <v>176</v>
      </c>
      <c r="AJ136" s="48">
        <v>7458</v>
      </c>
      <c r="AK136" s="49">
        <v>8229</v>
      </c>
      <c r="AL136" s="48">
        <v>136</v>
      </c>
      <c r="AM136" s="48">
        <v>8365</v>
      </c>
      <c r="AN136" s="49">
        <v>6980</v>
      </c>
      <c r="AO136" s="48">
        <v>103</v>
      </c>
      <c r="AP136" s="48">
        <v>7083</v>
      </c>
      <c r="AQ136" s="49">
        <v>5714</v>
      </c>
      <c r="AR136" s="48">
        <v>78</v>
      </c>
      <c r="AS136" s="48">
        <v>5792</v>
      </c>
      <c r="AT136" s="49">
        <v>5213</v>
      </c>
      <c r="AU136" s="48">
        <v>38</v>
      </c>
      <c r="AV136" s="48">
        <v>5251</v>
      </c>
      <c r="AW136" s="49">
        <v>6458</v>
      </c>
      <c r="AX136" s="48">
        <v>17</v>
      </c>
      <c r="AY136" s="48">
        <v>6475</v>
      </c>
      <c r="AZ136" s="49">
        <v>6001</v>
      </c>
      <c r="BA136" s="48">
        <v>6</v>
      </c>
      <c r="BB136" s="48">
        <v>6007</v>
      </c>
      <c r="BC136" s="49">
        <v>4844</v>
      </c>
      <c r="BD136" s="48">
        <v>7</v>
      </c>
      <c r="BE136" s="48">
        <v>4851</v>
      </c>
      <c r="BF136" s="49">
        <v>2783</v>
      </c>
      <c r="BG136" s="48">
        <v>1</v>
      </c>
      <c r="BH136" s="48">
        <v>2784</v>
      </c>
      <c r="BI136" s="49">
        <v>1130</v>
      </c>
      <c r="BJ136" s="48">
        <v>2</v>
      </c>
      <c r="BK136" s="48">
        <v>1132</v>
      </c>
      <c r="BL136" s="49">
        <v>348</v>
      </c>
      <c r="BM136" s="48">
        <v>0</v>
      </c>
      <c r="BN136" s="48">
        <v>348</v>
      </c>
      <c r="BO136" s="49">
        <v>50</v>
      </c>
      <c r="BP136" s="48">
        <v>0</v>
      </c>
      <c r="BQ136" s="50">
        <v>50</v>
      </c>
      <c r="BT136" s="66"/>
    </row>
    <row r="137" spans="1:72" x14ac:dyDescent="0.15">
      <c r="A137" s="25"/>
      <c r="B137" s="21" t="s">
        <v>29</v>
      </c>
      <c r="C137" s="67">
        <v>142158</v>
      </c>
      <c r="D137" s="37">
        <v>68473</v>
      </c>
      <c r="E137" s="38">
        <v>1751</v>
      </c>
      <c r="F137" s="39">
        <v>70224</v>
      </c>
      <c r="G137" s="52">
        <v>2744</v>
      </c>
      <c r="H137" s="52">
        <v>88</v>
      </c>
      <c r="I137" s="39">
        <v>2832</v>
      </c>
      <c r="J137" s="52">
        <v>2980</v>
      </c>
      <c r="K137" s="52">
        <v>81</v>
      </c>
      <c r="L137" s="39">
        <v>3061</v>
      </c>
      <c r="M137" s="52">
        <v>3110</v>
      </c>
      <c r="N137" s="52">
        <v>54</v>
      </c>
      <c r="O137" s="39">
        <v>3164</v>
      </c>
      <c r="P137" s="52">
        <v>3184</v>
      </c>
      <c r="Q137" s="52">
        <v>66</v>
      </c>
      <c r="R137" s="39">
        <v>3250</v>
      </c>
      <c r="S137" s="52">
        <v>3486</v>
      </c>
      <c r="T137" s="52">
        <v>155</v>
      </c>
      <c r="U137" s="39">
        <v>3641</v>
      </c>
      <c r="V137" s="52">
        <v>3837</v>
      </c>
      <c r="W137" s="52">
        <v>246</v>
      </c>
      <c r="X137" s="39">
        <v>4083</v>
      </c>
      <c r="Y137" s="52">
        <v>4109</v>
      </c>
      <c r="Z137" s="52">
        <v>261</v>
      </c>
      <c r="AA137" s="39">
        <v>4370</v>
      </c>
      <c r="AB137" s="52">
        <v>4519</v>
      </c>
      <c r="AC137" s="52">
        <v>232</v>
      </c>
      <c r="AD137" s="39">
        <v>4751</v>
      </c>
      <c r="AE137" s="52">
        <v>4830</v>
      </c>
      <c r="AF137" s="52">
        <v>150</v>
      </c>
      <c r="AG137" s="39">
        <v>4980</v>
      </c>
      <c r="AH137" s="52">
        <v>5482</v>
      </c>
      <c r="AI137" s="52">
        <v>108</v>
      </c>
      <c r="AJ137" s="39">
        <v>5590</v>
      </c>
      <c r="AK137" s="52">
        <v>6081</v>
      </c>
      <c r="AL137" s="52">
        <v>105</v>
      </c>
      <c r="AM137" s="39">
        <v>6186</v>
      </c>
      <c r="AN137" s="52">
        <v>4838</v>
      </c>
      <c r="AO137" s="52">
        <v>88</v>
      </c>
      <c r="AP137" s="39">
        <v>4926</v>
      </c>
      <c r="AQ137" s="52">
        <v>3751</v>
      </c>
      <c r="AR137" s="52">
        <v>44</v>
      </c>
      <c r="AS137" s="39">
        <v>3795</v>
      </c>
      <c r="AT137" s="52">
        <v>3249</v>
      </c>
      <c r="AU137" s="52">
        <v>27</v>
      </c>
      <c r="AV137" s="39">
        <v>3276</v>
      </c>
      <c r="AW137" s="52">
        <v>3990</v>
      </c>
      <c r="AX137" s="52">
        <v>20</v>
      </c>
      <c r="AY137" s="39">
        <v>4010</v>
      </c>
      <c r="AZ137" s="52">
        <v>3559</v>
      </c>
      <c r="BA137" s="52">
        <v>12</v>
      </c>
      <c r="BB137" s="39">
        <v>3571</v>
      </c>
      <c r="BC137" s="52">
        <v>2796</v>
      </c>
      <c r="BD137" s="52">
        <v>4</v>
      </c>
      <c r="BE137" s="39">
        <v>2800</v>
      </c>
      <c r="BF137" s="52">
        <v>1445</v>
      </c>
      <c r="BG137" s="52">
        <v>5</v>
      </c>
      <c r="BH137" s="39">
        <v>1450</v>
      </c>
      <c r="BI137" s="52">
        <v>409</v>
      </c>
      <c r="BJ137" s="52">
        <v>3</v>
      </c>
      <c r="BK137" s="39">
        <v>412</v>
      </c>
      <c r="BL137" s="52">
        <v>72</v>
      </c>
      <c r="BM137" s="52">
        <v>0</v>
      </c>
      <c r="BN137" s="39">
        <v>72</v>
      </c>
      <c r="BO137" s="52">
        <v>2</v>
      </c>
      <c r="BP137" s="52">
        <v>0</v>
      </c>
      <c r="BQ137" s="41">
        <v>2</v>
      </c>
      <c r="BT137" s="66"/>
    </row>
    <row r="138" spans="1:72" x14ac:dyDescent="0.15">
      <c r="A138" s="25" t="s">
        <v>74</v>
      </c>
      <c r="B138" s="26" t="s">
        <v>31</v>
      </c>
      <c r="C138" s="68"/>
      <c r="D138" s="42">
        <v>67759</v>
      </c>
      <c r="E138" s="40">
        <v>1621</v>
      </c>
      <c r="F138" s="43">
        <v>69380</v>
      </c>
      <c r="G138" s="52">
        <v>2650</v>
      </c>
      <c r="H138" s="52">
        <v>63</v>
      </c>
      <c r="I138" s="43">
        <v>2713</v>
      </c>
      <c r="J138" s="52">
        <v>2818</v>
      </c>
      <c r="K138" s="52">
        <v>86</v>
      </c>
      <c r="L138" s="43">
        <v>2904</v>
      </c>
      <c r="M138" s="52">
        <v>2861</v>
      </c>
      <c r="N138" s="52">
        <v>53</v>
      </c>
      <c r="O138" s="43">
        <v>2914</v>
      </c>
      <c r="P138" s="52">
        <v>3053</v>
      </c>
      <c r="Q138" s="52">
        <v>55</v>
      </c>
      <c r="R138" s="43">
        <v>3108</v>
      </c>
      <c r="S138" s="52">
        <v>3197</v>
      </c>
      <c r="T138" s="52">
        <v>122</v>
      </c>
      <c r="U138" s="43">
        <v>3319</v>
      </c>
      <c r="V138" s="52">
        <v>3507</v>
      </c>
      <c r="W138" s="52">
        <v>186</v>
      </c>
      <c r="X138" s="43">
        <v>3693</v>
      </c>
      <c r="Y138" s="52">
        <v>3717</v>
      </c>
      <c r="Z138" s="52">
        <v>194</v>
      </c>
      <c r="AA138" s="43">
        <v>3911</v>
      </c>
      <c r="AB138" s="52">
        <v>4087</v>
      </c>
      <c r="AC138" s="52">
        <v>186</v>
      </c>
      <c r="AD138" s="43">
        <v>4273</v>
      </c>
      <c r="AE138" s="52">
        <v>4424</v>
      </c>
      <c r="AF138" s="52">
        <v>164</v>
      </c>
      <c r="AG138" s="43">
        <v>4588</v>
      </c>
      <c r="AH138" s="52">
        <v>5116</v>
      </c>
      <c r="AI138" s="52">
        <v>120</v>
      </c>
      <c r="AJ138" s="43">
        <v>5236</v>
      </c>
      <c r="AK138" s="52">
        <v>5551</v>
      </c>
      <c r="AL138" s="52">
        <v>135</v>
      </c>
      <c r="AM138" s="43">
        <v>5686</v>
      </c>
      <c r="AN138" s="52">
        <v>4426</v>
      </c>
      <c r="AO138" s="52">
        <v>100</v>
      </c>
      <c r="AP138" s="43">
        <v>4526</v>
      </c>
      <c r="AQ138" s="52">
        <v>3580</v>
      </c>
      <c r="AR138" s="52">
        <v>53</v>
      </c>
      <c r="AS138" s="43">
        <v>3633</v>
      </c>
      <c r="AT138" s="52">
        <v>3406</v>
      </c>
      <c r="AU138" s="52">
        <v>42</v>
      </c>
      <c r="AV138" s="43">
        <v>3448</v>
      </c>
      <c r="AW138" s="52">
        <v>4474</v>
      </c>
      <c r="AX138" s="52">
        <v>26</v>
      </c>
      <c r="AY138" s="43">
        <v>4500</v>
      </c>
      <c r="AZ138" s="52">
        <v>4138</v>
      </c>
      <c r="BA138" s="52">
        <v>13</v>
      </c>
      <c r="BB138" s="43">
        <v>4151</v>
      </c>
      <c r="BC138" s="52">
        <v>3528</v>
      </c>
      <c r="BD138" s="52">
        <v>12</v>
      </c>
      <c r="BE138" s="43">
        <v>3540</v>
      </c>
      <c r="BF138" s="52">
        <v>1959</v>
      </c>
      <c r="BG138" s="52">
        <v>3</v>
      </c>
      <c r="BH138" s="43">
        <v>1962</v>
      </c>
      <c r="BI138" s="52">
        <v>930</v>
      </c>
      <c r="BJ138" s="52">
        <v>6</v>
      </c>
      <c r="BK138" s="43">
        <v>936</v>
      </c>
      <c r="BL138" s="52">
        <v>293</v>
      </c>
      <c r="BM138" s="52">
        <v>2</v>
      </c>
      <c r="BN138" s="43">
        <v>295</v>
      </c>
      <c r="BO138" s="52">
        <v>44</v>
      </c>
      <c r="BP138" s="52">
        <v>0</v>
      </c>
      <c r="BQ138" s="44">
        <v>44</v>
      </c>
      <c r="BT138" s="66"/>
    </row>
    <row r="139" spans="1:72" ht="15" thickBot="1" x14ac:dyDescent="0.2">
      <c r="A139" s="45"/>
      <c r="B139" s="32" t="s">
        <v>32</v>
      </c>
      <c r="C139" s="69"/>
      <c r="D139" s="46">
        <v>136232</v>
      </c>
      <c r="E139" s="47">
        <v>3372</v>
      </c>
      <c r="F139" s="48">
        <v>139604</v>
      </c>
      <c r="G139" s="49">
        <v>5394</v>
      </c>
      <c r="H139" s="48">
        <v>151</v>
      </c>
      <c r="I139" s="48">
        <v>5545</v>
      </c>
      <c r="J139" s="49">
        <v>5798</v>
      </c>
      <c r="K139" s="48">
        <v>167</v>
      </c>
      <c r="L139" s="48">
        <v>5965</v>
      </c>
      <c r="M139" s="49">
        <v>5971</v>
      </c>
      <c r="N139" s="48">
        <v>107</v>
      </c>
      <c r="O139" s="48">
        <v>6078</v>
      </c>
      <c r="P139" s="49">
        <v>6237</v>
      </c>
      <c r="Q139" s="48">
        <v>121</v>
      </c>
      <c r="R139" s="48">
        <v>6358</v>
      </c>
      <c r="S139" s="49">
        <v>6683</v>
      </c>
      <c r="T139" s="48">
        <v>277</v>
      </c>
      <c r="U139" s="48">
        <v>6960</v>
      </c>
      <c r="V139" s="49">
        <v>7344</v>
      </c>
      <c r="W139" s="48">
        <v>432</v>
      </c>
      <c r="X139" s="48">
        <v>7776</v>
      </c>
      <c r="Y139" s="49">
        <v>7826</v>
      </c>
      <c r="Z139" s="48">
        <v>455</v>
      </c>
      <c r="AA139" s="48">
        <v>8281</v>
      </c>
      <c r="AB139" s="49">
        <v>8606</v>
      </c>
      <c r="AC139" s="48">
        <v>418</v>
      </c>
      <c r="AD139" s="48">
        <v>9024</v>
      </c>
      <c r="AE139" s="49">
        <v>9254</v>
      </c>
      <c r="AF139" s="48">
        <v>314</v>
      </c>
      <c r="AG139" s="48">
        <v>9568</v>
      </c>
      <c r="AH139" s="49">
        <v>10598</v>
      </c>
      <c r="AI139" s="48">
        <v>228</v>
      </c>
      <c r="AJ139" s="48">
        <v>10826</v>
      </c>
      <c r="AK139" s="49">
        <v>11632</v>
      </c>
      <c r="AL139" s="48">
        <v>240</v>
      </c>
      <c r="AM139" s="48">
        <v>11872</v>
      </c>
      <c r="AN139" s="49">
        <v>9264</v>
      </c>
      <c r="AO139" s="48">
        <v>188</v>
      </c>
      <c r="AP139" s="48">
        <v>9452</v>
      </c>
      <c r="AQ139" s="49">
        <v>7331</v>
      </c>
      <c r="AR139" s="48">
        <v>97</v>
      </c>
      <c r="AS139" s="48">
        <v>7428</v>
      </c>
      <c r="AT139" s="49">
        <v>6655</v>
      </c>
      <c r="AU139" s="48">
        <v>69</v>
      </c>
      <c r="AV139" s="48">
        <v>6724</v>
      </c>
      <c r="AW139" s="49">
        <v>8464</v>
      </c>
      <c r="AX139" s="48">
        <v>46</v>
      </c>
      <c r="AY139" s="48">
        <v>8510</v>
      </c>
      <c r="AZ139" s="49">
        <v>7697</v>
      </c>
      <c r="BA139" s="48">
        <v>25</v>
      </c>
      <c r="BB139" s="48">
        <v>7722</v>
      </c>
      <c r="BC139" s="49">
        <v>6324</v>
      </c>
      <c r="BD139" s="48">
        <v>16</v>
      </c>
      <c r="BE139" s="48">
        <v>6340</v>
      </c>
      <c r="BF139" s="49">
        <v>3404</v>
      </c>
      <c r="BG139" s="48">
        <v>8</v>
      </c>
      <c r="BH139" s="48">
        <v>3412</v>
      </c>
      <c r="BI139" s="49">
        <v>1339</v>
      </c>
      <c r="BJ139" s="48">
        <v>9</v>
      </c>
      <c r="BK139" s="48">
        <v>1348</v>
      </c>
      <c r="BL139" s="49">
        <v>365</v>
      </c>
      <c r="BM139" s="48">
        <v>2</v>
      </c>
      <c r="BN139" s="48">
        <v>367</v>
      </c>
      <c r="BO139" s="49">
        <v>46</v>
      </c>
      <c r="BP139" s="48">
        <v>0</v>
      </c>
      <c r="BQ139" s="50">
        <v>46</v>
      </c>
      <c r="BT139" s="66"/>
    </row>
    <row r="140" spans="1:72" x14ac:dyDescent="0.15">
      <c r="A140" s="25"/>
      <c r="B140" s="21" t="s">
        <v>29</v>
      </c>
      <c r="C140" s="67">
        <v>142166</v>
      </c>
      <c r="D140" s="37">
        <v>63923</v>
      </c>
      <c r="E140" s="38">
        <v>1896</v>
      </c>
      <c r="F140" s="39">
        <v>65819</v>
      </c>
      <c r="G140" s="52">
        <v>2057</v>
      </c>
      <c r="H140" s="52">
        <v>90</v>
      </c>
      <c r="I140" s="39">
        <v>2147</v>
      </c>
      <c r="J140" s="52">
        <v>2397</v>
      </c>
      <c r="K140" s="52">
        <v>72</v>
      </c>
      <c r="L140" s="39">
        <v>2469</v>
      </c>
      <c r="M140" s="52">
        <v>2670</v>
      </c>
      <c r="N140" s="52">
        <v>76</v>
      </c>
      <c r="O140" s="39">
        <v>2746</v>
      </c>
      <c r="P140" s="52">
        <v>2880</v>
      </c>
      <c r="Q140" s="52">
        <v>69</v>
      </c>
      <c r="R140" s="39">
        <v>2949</v>
      </c>
      <c r="S140" s="52">
        <v>3104</v>
      </c>
      <c r="T140" s="52">
        <v>162</v>
      </c>
      <c r="U140" s="39">
        <v>3266</v>
      </c>
      <c r="V140" s="52">
        <v>3475</v>
      </c>
      <c r="W140" s="52">
        <v>286</v>
      </c>
      <c r="X140" s="39">
        <v>3761</v>
      </c>
      <c r="Y140" s="52">
        <v>3468</v>
      </c>
      <c r="Z140" s="52">
        <v>258</v>
      </c>
      <c r="AA140" s="39">
        <v>3726</v>
      </c>
      <c r="AB140" s="52">
        <v>3775</v>
      </c>
      <c r="AC140" s="52">
        <v>226</v>
      </c>
      <c r="AD140" s="39">
        <v>4001</v>
      </c>
      <c r="AE140" s="52">
        <v>4241</v>
      </c>
      <c r="AF140" s="52">
        <v>177</v>
      </c>
      <c r="AG140" s="39">
        <v>4418</v>
      </c>
      <c r="AH140" s="52">
        <v>5192</v>
      </c>
      <c r="AI140" s="52">
        <v>102</v>
      </c>
      <c r="AJ140" s="39">
        <v>5294</v>
      </c>
      <c r="AK140" s="52">
        <v>6009</v>
      </c>
      <c r="AL140" s="52">
        <v>119</v>
      </c>
      <c r="AM140" s="39">
        <v>6128</v>
      </c>
      <c r="AN140" s="52">
        <v>5190</v>
      </c>
      <c r="AO140" s="52">
        <v>110</v>
      </c>
      <c r="AP140" s="39">
        <v>5300</v>
      </c>
      <c r="AQ140" s="52">
        <v>4118</v>
      </c>
      <c r="AR140" s="52">
        <v>67</v>
      </c>
      <c r="AS140" s="39">
        <v>4185</v>
      </c>
      <c r="AT140" s="52">
        <v>3465</v>
      </c>
      <c r="AU140" s="52">
        <v>36</v>
      </c>
      <c r="AV140" s="39">
        <v>3501</v>
      </c>
      <c r="AW140" s="52">
        <v>3910</v>
      </c>
      <c r="AX140" s="52">
        <v>24</v>
      </c>
      <c r="AY140" s="39">
        <v>3934</v>
      </c>
      <c r="AZ140" s="52">
        <v>3384</v>
      </c>
      <c r="BA140" s="52">
        <v>11</v>
      </c>
      <c r="BB140" s="39">
        <v>3395</v>
      </c>
      <c r="BC140" s="52">
        <v>2706</v>
      </c>
      <c r="BD140" s="52">
        <v>6</v>
      </c>
      <c r="BE140" s="39">
        <v>2712</v>
      </c>
      <c r="BF140" s="52">
        <v>1400</v>
      </c>
      <c r="BG140" s="52">
        <v>3</v>
      </c>
      <c r="BH140" s="39">
        <v>1403</v>
      </c>
      <c r="BI140" s="52">
        <v>409</v>
      </c>
      <c r="BJ140" s="52">
        <v>1</v>
      </c>
      <c r="BK140" s="39">
        <v>410</v>
      </c>
      <c r="BL140" s="52">
        <v>61</v>
      </c>
      <c r="BM140" s="52">
        <v>0</v>
      </c>
      <c r="BN140" s="39">
        <v>61</v>
      </c>
      <c r="BO140" s="52">
        <v>12</v>
      </c>
      <c r="BP140" s="52">
        <v>0</v>
      </c>
      <c r="BQ140" s="41">
        <v>12</v>
      </c>
      <c r="BT140" s="66"/>
    </row>
    <row r="141" spans="1:72" x14ac:dyDescent="0.15">
      <c r="A141" s="25" t="s">
        <v>75</v>
      </c>
      <c r="B141" s="26" t="s">
        <v>31</v>
      </c>
      <c r="C141" s="68"/>
      <c r="D141" s="42">
        <v>63716</v>
      </c>
      <c r="E141" s="40">
        <v>1821</v>
      </c>
      <c r="F141" s="43">
        <v>65537</v>
      </c>
      <c r="G141" s="52">
        <v>1927</v>
      </c>
      <c r="H141" s="52">
        <v>81</v>
      </c>
      <c r="I141" s="43">
        <v>2008</v>
      </c>
      <c r="J141" s="52">
        <v>2388</v>
      </c>
      <c r="K141" s="52">
        <v>71</v>
      </c>
      <c r="L141" s="43">
        <v>2459</v>
      </c>
      <c r="M141" s="52">
        <v>2540</v>
      </c>
      <c r="N141" s="52">
        <v>65</v>
      </c>
      <c r="O141" s="43">
        <v>2605</v>
      </c>
      <c r="P141" s="52">
        <v>2673</v>
      </c>
      <c r="Q141" s="52">
        <v>53</v>
      </c>
      <c r="R141" s="43">
        <v>2726</v>
      </c>
      <c r="S141" s="52">
        <v>3043</v>
      </c>
      <c r="T141" s="52">
        <v>114</v>
      </c>
      <c r="U141" s="43">
        <v>3157</v>
      </c>
      <c r="V141" s="52">
        <v>3196</v>
      </c>
      <c r="W141" s="52">
        <v>168</v>
      </c>
      <c r="X141" s="43">
        <v>3364</v>
      </c>
      <c r="Y141" s="52">
        <v>3105</v>
      </c>
      <c r="Z141" s="52">
        <v>174</v>
      </c>
      <c r="AA141" s="43">
        <v>3279</v>
      </c>
      <c r="AB141" s="52">
        <v>3447</v>
      </c>
      <c r="AC141" s="52">
        <v>196</v>
      </c>
      <c r="AD141" s="43">
        <v>3643</v>
      </c>
      <c r="AE141" s="52">
        <v>3766</v>
      </c>
      <c r="AF141" s="52">
        <v>188</v>
      </c>
      <c r="AG141" s="43">
        <v>3954</v>
      </c>
      <c r="AH141" s="52">
        <v>4736</v>
      </c>
      <c r="AI141" s="52">
        <v>172</v>
      </c>
      <c r="AJ141" s="43">
        <v>4908</v>
      </c>
      <c r="AK141" s="52">
        <v>5421</v>
      </c>
      <c r="AL141" s="52">
        <v>161</v>
      </c>
      <c r="AM141" s="43">
        <v>5582</v>
      </c>
      <c r="AN141" s="52">
        <v>4730</v>
      </c>
      <c r="AO141" s="52">
        <v>138</v>
      </c>
      <c r="AP141" s="43">
        <v>4868</v>
      </c>
      <c r="AQ141" s="52">
        <v>3786</v>
      </c>
      <c r="AR141" s="52">
        <v>103</v>
      </c>
      <c r="AS141" s="43">
        <v>3889</v>
      </c>
      <c r="AT141" s="52">
        <v>3391</v>
      </c>
      <c r="AU141" s="52">
        <v>73</v>
      </c>
      <c r="AV141" s="43">
        <v>3464</v>
      </c>
      <c r="AW141" s="52">
        <v>4362</v>
      </c>
      <c r="AX141" s="52">
        <v>27</v>
      </c>
      <c r="AY141" s="43">
        <v>4389</v>
      </c>
      <c r="AZ141" s="52">
        <v>4234</v>
      </c>
      <c r="BA141" s="52">
        <v>12</v>
      </c>
      <c r="BB141" s="43">
        <v>4246</v>
      </c>
      <c r="BC141" s="52">
        <v>3630</v>
      </c>
      <c r="BD141" s="52">
        <v>8</v>
      </c>
      <c r="BE141" s="43">
        <v>3638</v>
      </c>
      <c r="BF141" s="52">
        <v>2071</v>
      </c>
      <c r="BG141" s="52">
        <v>8</v>
      </c>
      <c r="BH141" s="43">
        <v>2079</v>
      </c>
      <c r="BI141" s="52">
        <v>944</v>
      </c>
      <c r="BJ141" s="52">
        <v>7</v>
      </c>
      <c r="BK141" s="43">
        <v>951</v>
      </c>
      <c r="BL141" s="52">
        <v>288</v>
      </c>
      <c r="BM141" s="52">
        <v>1</v>
      </c>
      <c r="BN141" s="43">
        <v>289</v>
      </c>
      <c r="BO141" s="52">
        <v>38</v>
      </c>
      <c r="BP141" s="52">
        <v>0</v>
      </c>
      <c r="BQ141" s="44">
        <v>38</v>
      </c>
      <c r="BT141" s="66"/>
    </row>
    <row r="142" spans="1:72" ht="15" thickBot="1" x14ac:dyDescent="0.2">
      <c r="A142" s="45"/>
      <c r="B142" s="32" t="s">
        <v>32</v>
      </c>
      <c r="C142" s="69"/>
      <c r="D142" s="46">
        <v>127639</v>
      </c>
      <c r="E142" s="47">
        <v>3717</v>
      </c>
      <c r="F142" s="48">
        <v>131356</v>
      </c>
      <c r="G142" s="49">
        <v>3984</v>
      </c>
      <c r="H142" s="48">
        <v>171</v>
      </c>
      <c r="I142" s="48">
        <v>4155</v>
      </c>
      <c r="J142" s="49">
        <v>4785</v>
      </c>
      <c r="K142" s="48">
        <v>143</v>
      </c>
      <c r="L142" s="48">
        <v>4928</v>
      </c>
      <c r="M142" s="49">
        <v>5210</v>
      </c>
      <c r="N142" s="48">
        <v>141</v>
      </c>
      <c r="O142" s="48">
        <v>5351</v>
      </c>
      <c r="P142" s="49">
        <v>5553</v>
      </c>
      <c r="Q142" s="48">
        <v>122</v>
      </c>
      <c r="R142" s="48">
        <v>5675</v>
      </c>
      <c r="S142" s="49">
        <v>6147</v>
      </c>
      <c r="T142" s="48">
        <v>276</v>
      </c>
      <c r="U142" s="48">
        <v>6423</v>
      </c>
      <c r="V142" s="49">
        <v>6671</v>
      </c>
      <c r="W142" s="48">
        <v>454</v>
      </c>
      <c r="X142" s="48">
        <v>7125</v>
      </c>
      <c r="Y142" s="49">
        <v>6573</v>
      </c>
      <c r="Z142" s="48">
        <v>432</v>
      </c>
      <c r="AA142" s="48">
        <v>7005</v>
      </c>
      <c r="AB142" s="49">
        <v>7222</v>
      </c>
      <c r="AC142" s="48">
        <v>422</v>
      </c>
      <c r="AD142" s="48">
        <v>7644</v>
      </c>
      <c r="AE142" s="49">
        <v>8007</v>
      </c>
      <c r="AF142" s="48">
        <v>365</v>
      </c>
      <c r="AG142" s="48">
        <v>8372</v>
      </c>
      <c r="AH142" s="49">
        <v>9928</v>
      </c>
      <c r="AI142" s="48">
        <v>274</v>
      </c>
      <c r="AJ142" s="48">
        <v>10202</v>
      </c>
      <c r="AK142" s="49">
        <v>11430</v>
      </c>
      <c r="AL142" s="48">
        <v>280</v>
      </c>
      <c r="AM142" s="48">
        <v>11710</v>
      </c>
      <c r="AN142" s="49">
        <v>9920</v>
      </c>
      <c r="AO142" s="48">
        <v>248</v>
      </c>
      <c r="AP142" s="48">
        <v>10168</v>
      </c>
      <c r="AQ142" s="49">
        <v>7904</v>
      </c>
      <c r="AR142" s="48">
        <v>170</v>
      </c>
      <c r="AS142" s="48">
        <v>8074</v>
      </c>
      <c r="AT142" s="49">
        <v>6856</v>
      </c>
      <c r="AU142" s="48">
        <v>109</v>
      </c>
      <c r="AV142" s="48">
        <v>6965</v>
      </c>
      <c r="AW142" s="49">
        <v>8272</v>
      </c>
      <c r="AX142" s="48">
        <v>51</v>
      </c>
      <c r="AY142" s="48">
        <v>8323</v>
      </c>
      <c r="AZ142" s="49">
        <v>7618</v>
      </c>
      <c r="BA142" s="48">
        <v>23</v>
      </c>
      <c r="BB142" s="48">
        <v>7641</v>
      </c>
      <c r="BC142" s="49">
        <v>6336</v>
      </c>
      <c r="BD142" s="48">
        <v>14</v>
      </c>
      <c r="BE142" s="48">
        <v>6350</v>
      </c>
      <c r="BF142" s="49">
        <v>3471</v>
      </c>
      <c r="BG142" s="48">
        <v>11</v>
      </c>
      <c r="BH142" s="48">
        <v>3482</v>
      </c>
      <c r="BI142" s="49">
        <v>1353</v>
      </c>
      <c r="BJ142" s="48">
        <v>8</v>
      </c>
      <c r="BK142" s="48">
        <v>1361</v>
      </c>
      <c r="BL142" s="49">
        <v>349</v>
      </c>
      <c r="BM142" s="48">
        <v>1</v>
      </c>
      <c r="BN142" s="48">
        <v>350</v>
      </c>
      <c r="BO142" s="49">
        <v>50</v>
      </c>
      <c r="BP142" s="48">
        <v>0</v>
      </c>
      <c r="BQ142" s="50">
        <v>50</v>
      </c>
      <c r="BT142" s="66"/>
    </row>
    <row r="143" spans="1:72" x14ac:dyDescent="0.15">
      <c r="A143" s="25"/>
      <c r="B143" s="21" t="s">
        <v>29</v>
      </c>
      <c r="C143" s="67">
        <v>142174</v>
      </c>
      <c r="D143" s="37">
        <v>19684</v>
      </c>
      <c r="E143" s="38">
        <v>281</v>
      </c>
      <c r="F143" s="39">
        <v>19965</v>
      </c>
      <c r="G143" s="52">
        <v>456</v>
      </c>
      <c r="H143" s="52">
        <v>6</v>
      </c>
      <c r="I143" s="39">
        <v>462</v>
      </c>
      <c r="J143" s="52">
        <v>698</v>
      </c>
      <c r="K143" s="52">
        <v>5</v>
      </c>
      <c r="L143" s="39">
        <v>703</v>
      </c>
      <c r="M143" s="52">
        <v>884</v>
      </c>
      <c r="N143" s="52">
        <v>8</v>
      </c>
      <c r="O143" s="39">
        <v>892</v>
      </c>
      <c r="P143" s="52">
        <v>945</v>
      </c>
      <c r="Q143" s="52">
        <v>3</v>
      </c>
      <c r="R143" s="39">
        <v>948</v>
      </c>
      <c r="S143" s="52">
        <v>973</v>
      </c>
      <c r="T143" s="52">
        <v>24</v>
      </c>
      <c r="U143" s="39">
        <v>997</v>
      </c>
      <c r="V143" s="52">
        <v>817</v>
      </c>
      <c r="W143" s="52">
        <v>49</v>
      </c>
      <c r="X143" s="39">
        <v>866</v>
      </c>
      <c r="Y143" s="52">
        <v>742</v>
      </c>
      <c r="Z143" s="52">
        <v>52</v>
      </c>
      <c r="AA143" s="39">
        <v>794</v>
      </c>
      <c r="AB143" s="52">
        <v>897</v>
      </c>
      <c r="AC143" s="52">
        <v>34</v>
      </c>
      <c r="AD143" s="39">
        <v>931</v>
      </c>
      <c r="AE143" s="52">
        <v>1209</v>
      </c>
      <c r="AF143" s="52">
        <v>22</v>
      </c>
      <c r="AG143" s="39">
        <v>1231</v>
      </c>
      <c r="AH143" s="52">
        <v>1456</v>
      </c>
      <c r="AI143" s="52">
        <v>14</v>
      </c>
      <c r="AJ143" s="39">
        <v>1470</v>
      </c>
      <c r="AK143" s="52">
        <v>1758</v>
      </c>
      <c r="AL143" s="52">
        <v>20</v>
      </c>
      <c r="AM143" s="39">
        <v>1778</v>
      </c>
      <c r="AN143" s="52">
        <v>1553</v>
      </c>
      <c r="AO143" s="52">
        <v>13</v>
      </c>
      <c r="AP143" s="39">
        <v>1566</v>
      </c>
      <c r="AQ143" s="52">
        <v>1240</v>
      </c>
      <c r="AR143" s="52">
        <v>10</v>
      </c>
      <c r="AS143" s="39">
        <v>1250</v>
      </c>
      <c r="AT143" s="52">
        <v>1230</v>
      </c>
      <c r="AU143" s="52">
        <v>8</v>
      </c>
      <c r="AV143" s="39">
        <v>1238</v>
      </c>
      <c r="AW143" s="52">
        <v>1511</v>
      </c>
      <c r="AX143" s="52">
        <v>5</v>
      </c>
      <c r="AY143" s="39">
        <v>1516</v>
      </c>
      <c r="AZ143" s="52">
        <v>1358</v>
      </c>
      <c r="BA143" s="52">
        <v>4</v>
      </c>
      <c r="BB143" s="39">
        <v>1362</v>
      </c>
      <c r="BC143" s="52">
        <v>1103</v>
      </c>
      <c r="BD143" s="52">
        <v>4</v>
      </c>
      <c r="BE143" s="39">
        <v>1107</v>
      </c>
      <c r="BF143" s="52">
        <v>588</v>
      </c>
      <c r="BG143" s="52">
        <v>0</v>
      </c>
      <c r="BH143" s="39">
        <v>588</v>
      </c>
      <c r="BI143" s="52">
        <v>222</v>
      </c>
      <c r="BJ143" s="52">
        <v>0</v>
      </c>
      <c r="BK143" s="39">
        <v>222</v>
      </c>
      <c r="BL143" s="52">
        <v>37</v>
      </c>
      <c r="BM143" s="52">
        <v>0</v>
      </c>
      <c r="BN143" s="39">
        <v>37</v>
      </c>
      <c r="BO143" s="52">
        <v>7</v>
      </c>
      <c r="BP143" s="52">
        <v>0</v>
      </c>
      <c r="BQ143" s="39">
        <v>7</v>
      </c>
      <c r="BT143" s="66"/>
    </row>
    <row r="144" spans="1:72" x14ac:dyDescent="0.15">
      <c r="A144" s="25" t="s">
        <v>76</v>
      </c>
      <c r="B144" s="26" t="s">
        <v>31</v>
      </c>
      <c r="C144" s="68"/>
      <c r="D144" s="42">
        <v>20363</v>
      </c>
      <c r="E144" s="40">
        <v>338</v>
      </c>
      <c r="F144" s="43">
        <v>20701</v>
      </c>
      <c r="G144" s="52">
        <v>446</v>
      </c>
      <c r="H144" s="52">
        <v>13</v>
      </c>
      <c r="I144" s="43">
        <v>459</v>
      </c>
      <c r="J144" s="52">
        <v>641</v>
      </c>
      <c r="K144" s="52">
        <v>7</v>
      </c>
      <c r="L144" s="43">
        <v>648</v>
      </c>
      <c r="M144" s="52">
        <v>827</v>
      </c>
      <c r="N144" s="52">
        <v>6</v>
      </c>
      <c r="O144" s="43">
        <v>833</v>
      </c>
      <c r="P144" s="52">
        <v>921</v>
      </c>
      <c r="Q144" s="52">
        <v>3</v>
      </c>
      <c r="R144" s="43">
        <v>924</v>
      </c>
      <c r="S144" s="52">
        <v>861</v>
      </c>
      <c r="T144" s="52">
        <v>35</v>
      </c>
      <c r="U144" s="43">
        <v>896</v>
      </c>
      <c r="V144" s="52">
        <v>730</v>
      </c>
      <c r="W144" s="52">
        <v>74</v>
      </c>
      <c r="X144" s="43">
        <v>804</v>
      </c>
      <c r="Y144" s="52">
        <v>693</v>
      </c>
      <c r="Z144" s="52">
        <v>42</v>
      </c>
      <c r="AA144" s="43">
        <v>735</v>
      </c>
      <c r="AB144" s="52">
        <v>852</v>
      </c>
      <c r="AC144" s="52">
        <v>27</v>
      </c>
      <c r="AD144" s="43">
        <v>879</v>
      </c>
      <c r="AE144" s="52">
        <v>1115</v>
      </c>
      <c r="AF144" s="52">
        <v>36</v>
      </c>
      <c r="AG144" s="43">
        <v>1151</v>
      </c>
      <c r="AH144" s="52">
        <v>1359</v>
      </c>
      <c r="AI144" s="52">
        <v>23</v>
      </c>
      <c r="AJ144" s="43">
        <v>1382</v>
      </c>
      <c r="AK144" s="52">
        <v>1629</v>
      </c>
      <c r="AL144" s="52">
        <v>18</v>
      </c>
      <c r="AM144" s="43">
        <v>1647</v>
      </c>
      <c r="AN144" s="52">
        <v>1433</v>
      </c>
      <c r="AO144" s="52">
        <v>24</v>
      </c>
      <c r="AP144" s="43">
        <v>1457</v>
      </c>
      <c r="AQ144" s="52">
        <v>1265</v>
      </c>
      <c r="AR144" s="52">
        <v>9</v>
      </c>
      <c r="AS144" s="43">
        <v>1274</v>
      </c>
      <c r="AT144" s="52">
        <v>1219</v>
      </c>
      <c r="AU144" s="52">
        <v>12</v>
      </c>
      <c r="AV144" s="43">
        <v>1231</v>
      </c>
      <c r="AW144" s="52">
        <v>1704</v>
      </c>
      <c r="AX144" s="52">
        <v>3</v>
      </c>
      <c r="AY144" s="43">
        <v>1707</v>
      </c>
      <c r="AZ144" s="52">
        <v>1668</v>
      </c>
      <c r="BA144" s="52">
        <v>4</v>
      </c>
      <c r="BB144" s="43">
        <v>1672</v>
      </c>
      <c r="BC144" s="52">
        <v>1438</v>
      </c>
      <c r="BD144" s="52">
        <v>0</v>
      </c>
      <c r="BE144" s="43">
        <v>1438</v>
      </c>
      <c r="BF144" s="52">
        <v>926</v>
      </c>
      <c r="BG144" s="52">
        <v>2</v>
      </c>
      <c r="BH144" s="43">
        <v>928</v>
      </c>
      <c r="BI144" s="52">
        <v>464</v>
      </c>
      <c r="BJ144" s="52">
        <v>0</v>
      </c>
      <c r="BK144" s="43">
        <v>464</v>
      </c>
      <c r="BL144" s="52">
        <v>147</v>
      </c>
      <c r="BM144" s="52">
        <v>0</v>
      </c>
      <c r="BN144" s="43">
        <v>147</v>
      </c>
      <c r="BO144" s="52">
        <v>25</v>
      </c>
      <c r="BP144" s="52">
        <v>0</v>
      </c>
      <c r="BQ144" s="43">
        <v>25</v>
      </c>
      <c r="BT144" s="66"/>
    </row>
    <row r="145" spans="1:72" ht="15" thickBot="1" x14ac:dyDescent="0.2">
      <c r="A145" s="45"/>
      <c r="B145" s="32" t="s">
        <v>32</v>
      </c>
      <c r="C145" s="69"/>
      <c r="D145" s="46">
        <v>40047</v>
      </c>
      <c r="E145" s="47">
        <v>619</v>
      </c>
      <c r="F145" s="48">
        <v>40666</v>
      </c>
      <c r="G145" s="49">
        <v>902</v>
      </c>
      <c r="H145" s="48">
        <v>19</v>
      </c>
      <c r="I145" s="48">
        <v>921</v>
      </c>
      <c r="J145" s="49">
        <v>1339</v>
      </c>
      <c r="K145" s="48">
        <v>12</v>
      </c>
      <c r="L145" s="48">
        <v>1351</v>
      </c>
      <c r="M145" s="49">
        <v>1711</v>
      </c>
      <c r="N145" s="48">
        <v>14</v>
      </c>
      <c r="O145" s="48">
        <v>1725</v>
      </c>
      <c r="P145" s="49">
        <v>1866</v>
      </c>
      <c r="Q145" s="48">
        <v>6</v>
      </c>
      <c r="R145" s="48">
        <v>1872</v>
      </c>
      <c r="S145" s="49">
        <v>1834</v>
      </c>
      <c r="T145" s="48">
        <v>59</v>
      </c>
      <c r="U145" s="48">
        <v>1893</v>
      </c>
      <c r="V145" s="49">
        <v>1547</v>
      </c>
      <c r="W145" s="48">
        <v>123</v>
      </c>
      <c r="X145" s="48">
        <v>1670</v>
      </c>
      <c r="Y145" s="49">
        <v>1435</v>
      </c>
      <c r="Z145" s="48">
        <v>94</v>
      </c>
      <c r="AA145" s="48">
        <v>1529</v>
      </c>
      <c r="AB145" s="49">
        <v>1749</v>
      </c>
      <c r="AC145" s="48">
        <v>61</v>
      </c>
      <c r="AD145" s="48">
        <v>1810</v>
      </c>
      <c r="AE145" s="49">
        <v>2324</v>
      </c>
      <c r="AF145" s="48">
        <v>58</v>
      </c>
      <c r="AG145" s="48">
        <v>2382</v>
      </c>
      <c r="AH145" s="49">
        <v>2815</v>
      </c>
      <c r="AI145" s="48">
        <v>37</v>
      </c>
      <c r="AJ145" s="48">
        <v>2852</v>
      </c>
      <c r="AK145" s="49">
        <v>3387</v>
      </c>
      <c r="AL145" s="48">
        <v>38</v>
      </c>
      <c r="AM145" s="48">
        <v>3425</v>
      </c>
      <c r="AN145" s="49">
        <v>2986</v>
      </c>
      <c r="AO145" s="48">
        <v>37</v>
      </c>
      <c r="AP145" s="48">
        <v>3023</v>
      </c>
      <c r="AQ145" s="49">
        <v>2505</v>
      </c>
      <c r="AR145" s="48">
        <v>19</v>
      </c>
      <c r="AS145" s="48">
        <v>2524</v>
      </c>
      <c r="AT145" s="49">
        <v>2449</v>
      </c>
      <c r="AU145" s="48">
        <v>20</v>
      </c>
      <c r="AV145" s="48">
        <v>2469</v>
      </c>
      <c r="AW145" s="49">
        <v>3215</v>
      </c>
      <c r="AX145" s="48">
        <v>8</v>
      </c>
      <c r="AY145" s="48">
        <v>3223</v>
      </c>
      <c r="AZ145" s="49">
        <v>3026</v>
      </c>
      <c r="BA145" s="48">
        <v>8</v>
      </c>
      <c r="BB145" s="48">
        <v>3034</v>
      </c>
      <c r="BC145" s="49">
        <v>2541</v>
      </c>
      <c r="BD145" s="48">
        <v>4</v>
      </c>
      <c r="BE145" s="48">
        <v>2545</v>
      </c>
      <c r="BF145" s="49">
        <v>1514</v>
      </c>
      <c r="BG145" s="48">
        <v>2</v>
      </c>
      <c r="BH145" s="48">
        <v>1516</v>
      </c>
      <c r="BI145" s="49">
        <v>686</v>
      </c>
      <c r="BJ145" s="48">
        <v>0</v>
      </c>
      <c r="BK145" s="48">
        <v>686</v>
      </c>
      <c r="BL145" s="49">
        <v>184</v>
      </c>
      <c r="BM145" s="48">
        <v>0</v>
      </c>
      <c r="BN145" s="48">
        <v>184</v>
      </c>
      <c r="BO145" s="49">
        <v>32</v>
      </c>
      <c r="BP145" s="48">
        <v>0</v>
      </c>
      <c r="BQ145" s="48">
        <v>32</v>
      </c>
      <c r="BT145" s="66"/>
    </row>
    <row r="146" spans="1:72" x14ac:dyDescent="0.15">
      <c r="A146" s="25"/>
      <c r="B146" s="21" t="s">
        <v>29</v>
      </c>
      <c r="C146" s="67">
        <v>142182</v>
      </c>
      <c r="D146" s="37">
        <v>40139</v>
      </c>
      <c r="E146" s="38">
        <v>2705</v>
      </c>
      <c r="F146" s="39">
        <v>42844</v>
      </c>
      <c r="G146" s="52">
        <v>1309</v>
      </c>
      <c r="H146" s="52">
        <v>107</v>
      </c>
      <c r="I146" s="39">
        <v>1416</v>
      </c>
      <c r="J146" s="52">
        <v>1716</v>
      </c>
      <c r="K146" s="52">
        <v>127</v>
      </c>
      <c r="L146" s="39">
        <v>1843</v>
      </c>
      <c r="M146" s="52">
        <v>1955</v>
      </c>
      <c r="N146" s="52">
        <v>101</v>
      </c>
      <c r="O146" s="39">
        <v>2056</v>
      </c>
      <c r="P146" s="52">
        <v>1996</v>
      </c>
      <c r="Q146" s="52">
        <v>112</v>
      </c>
      <c r="R146" s="39">
        <v>2108</v>
      </c>
      <c r="S146" s="52">
        <v>1915</v>
      </c>
      <c r="T146" s="52">
        <v>270</v>
      </c>
      <c r="U146" s="39">
        <v>2185</v>
      </c>
      <c r="V146" s="52">
        <v>1913</v>
      </c>
      <c r="W146" s="52">
        <v>379</v>
      </c>
      <c r="X146" s="39">
        <v>2292</v>
      </c>
      <c r="Y146" s="52">
        <v>2011</v>
      </c>
      <c r="Z146" s="52">
        <v>371</v>
      </c>
      <c r="AA146" s="39">
        <v>2382</v>
      </c>
      <c r="AB146" s="52">
        <v>2294</v>
      </c>
      <c r="AC146" s="52">
        <v>308</v>
      </c>
      <c r="AD146" s="39">
        <v>2602</v>
      </c>
      <c r="AE146" s="52">
        <v>2633</v>
      </c>
      <c r="AF146" s="52">
        <v>244</v>
      </c>
      <c r="AG146" s="39">
        <v>2877</v>
      </c>
      <c r="AH146" s="52">
        <v>3387</v>
      </c>
      <c r="AI146" s="52">
        <v>187</v>
      </c>
      <c r="AJ146" s="39">
        <v>3574</v>
      </c>
      <c r="AK146" s="52">
        <v>3794</v>
      </c>
      <c r="AL146" s="52">
        <v>157</v>
      </c>
      <c r="AM146" s="39">
        <v>3951</v>
      </c>
      <c r="AN146" s="52">
        <v>2930</v>
      </c>
      <c r="AO146" s="52">
        <v>130</v>
      </c>
      <c r="AP146" s="39">
        <v>3060</v>
      </c>
      <c r="AQ146" s="52">
        <v>2114</v>
      </c>
      <c r="AR146" s="52">
        <v>96</v>
      </c>
      <c r="AS146" s="39">
        <v>2210</v>
      </c>
      <c r="AT146" s="52">
        <v>1870</v>
      </c>
      <c r="AU146" s="52">
        <v>51</v>
      </c>
      <c r="AV146" s="39">
        <v>1921</v>
      </c>
      <c r="AW146" s="52">
        <v>2481</v>
      </c>
      <c r="AX146" s="52">
        <v>36</v>
      </c>
      <c r="AY146" s="39">
        <v>2517</v>
      </c>
      <c r="AZ146" s="52">
        <v>2398</v>
      </c>
      <c r="BA146" s="52">
        <v>17</v>
      </c>
      <c r="BB146" s="39">
        <v>2415</v>
      </c>
      <c r="BC146" s="52">
        <v>2130</v>
      </c>
      <c r="BD146" s="52">
        <v>9</v>
      </c>
      <c r="BE146" s="39">
        <v>2139</v>
      </c>
      <c r="BF146" s="52">
        <v>1006</v>
      </c>
      <c r="BG146" s="52">
        <v>2</v>
      </c>
      <c r="BH146" s="39">
        <v>1008</v>
      </c>
      <c r="BI146" s="52">
        <v>243</v>
      </c>
      <c r="BJ146" s="52">
        <v>1</v>
      </c>
      <c r="BK146" s="39">
        <v>244</v>
      </c>
      <c r="BL146" s="52">
        <v>40</v>
      </c>
      <c r="BM146" s="52">
        <v>0</v>
      </c>
      <c r="BN146" s="39">
        <v>40</v>
      </c>
      <c r="BO146" s="52">
        <v>4</v>
      </c>
      <c r="BP146" s="52">
        <v>0</v>
      </c>
      <c r="BQ146" s="41">
        <v>4</v>
      </c>
      <c r="BT146" s="66"/>
    </row>
    <row r="147" spans="1:72" x14ac:dyDescent="0.15">
      <c r="A147" s="25" t="s">
        <v>77</v>
      </c>
      <c r="B147" s="26" t="s">
        <v>31</v>
      </c>
      <c r="C147" s="68"/>
      <c r="D147" s="42">
        <v>39273</v>
      </c>
      <c r="E147" s="40">
        <v>1983</v>
      </c>
      <c r="F147" s="43">
        <v>41256</v>
      </c>
      <c r="G147" s="52">
        <v>1294</v>
      </c>
      <c r="H147" s="52">
        <v>93</v>
      </c>
      <c r="I147" s="43">
        <v>1387</v>
      </c>
      <c r="J147" s="52">
        <v>1559</v>
      </c>
      <c r="K147" s="52">
        <v>141</v>
      </c>
      <c r="L147" s="43">
        <v>1700</v>
      </c>
      <c r="M147" s="52">
        <v>1882</v>
      </c>
      <c r="N147" s="52">
        <v>95</v>
      </c>
      <c r="O147" s="43">
        <v>1977</v>
      </c>
      <c r="P147" s="52">
        <v>1982</v>
      </c>
      <c r="Q147" s="52">
        <v>118</v>
      </c>
      <c r="R147" s="43">
        <v>2100</v>
      </c>
      <c r="S147" s="52">
        <v>1895</v>
      </c>
      <c r="T147" s="52">
        <v>118</v>
      </c>
      <c r="U147" s="43">
        <v>2013</v>
      </c>
      <c r="V147" s="52">
        <v>1725</v>
      </c>
      <c r="W147" s="52">
        <v>164</v>
      </c>
      <c r="X147" s="43">
        <v>1889</v>
      </c>
      <c r="Y147" s="52">
        <v>1709</v>
      </c>
      <c r="Z147" s="52">
        <v>193</v>
      </c>
      <c r="AA147" s="43">
        <v>1902</v>
      </c>
      <c r="AB147" s="52">
        <v>2014</v>
      </c>
      <c r="AC147" s="52">
        <v>214</v>
      </c>
      <c r="AD147" s="43">
        <v>2228</v>
      </c>
      <c r="AE147" s="52">
        <v>2286</v>
      </c>
      <c r="AF147" s="52">
        <v>180</v>
      </c>
      <c r="AG147" s="43">
        <v>2466</v>
      </c>
      <c r="AH147" s="52">
        <v>2922</v>
      </c>
      <c r="AI147" s="52">
        <v>161</v>
      </c>
      <c r="AJ147" s="43">
        <v>3083</v>
      </c>
      <c r="AK147" s="52">
        <v>3237</v>
      </c>
      <c r="AL147" s="52">
        <v>174</v>
      </c>
      <c r="AM147" s="43">
        <v>3411</v>
      </c>
      <c r="AN147" s="52">
        <v>2451</v>
      </c>
      <c r="AO147" s="52">
        <v>131</v>
      </c>
      <c r="AP147" s="43">
        <v>2582</v>
      </c>
      <c r="AQ147" s="52">
        <v>1840</v>
      </c>
      <c r="AR147" s="52">
        <v>93</v>
      </c>
      <c r="AS147" s="43">
        <v>1933</v>
      </c>
      <c r="AT147" s="52">
        <v>1958</v>
      </c>
      <c r="AU147" s="52">
        <v>52</v>
      </c>
      <c r="AV147" s="43">
        <v>2010</v>
      </c>
      <c r="AW147" s="52">
        <v>2883</v>
      </c>
      <c r="AX147" s="52">
        <v>23</v>
      </c>
      <c r="AY147" s="43">
        <v>2906</v>
      </c>
      <c r="AZ147" s="52">
        <v>3070</v>
      </c>
      <c r="BA147" s="52">
        <v>16</v>
      </c>
      <c r="BB147" s="43">
        <v>3086</v>
      </c>
      <c r="BC147" s="52">
        <v>2465</v>
      </c>
      <c r="BD147" s="52">
        <v>10</v>
      </c>
      <c r="BE147" s="43">
        <v>2475</v>
      </c>
      <c r="BF147" s="52">
        <v>1339</v>
      </c>
      <c r="BG147" s="52">
        <v>5</v>
      </c>
      <c r="BH147" s="43">
        <v>1344</v>
      </c>
      <c r="BI147" s="52">
        <v>569</v>
      </c>
      <c r="BJ147" s="52">
        <v>2</v>
      </c>
      <c r="BK147" s="43">
        <v>571</v>
      </c>
      <c r="BL147" s="52">
        <v>161</v>
      </c>
      <c r="BM147" s="52">
        <v>0</v>
      </c>
      <c r="BN147" s="43">
        <v>161</v>
      </c>
      <c r="BO147" s="52">
        <v>32</v>
      </c>
      <c r="BP147" s="52">
        <v>0</v>
      </c>
      <c r="BQ147" s="44">
        <v>32</v>
      </c>
      <c r="BT147" s="66"/>
    </row>
    <row r="148" spans="1:72" ht="15" thickBot="1" x14ac:dyDescent="0.2">
      <c r="A148" s="45"/>
      <c r="B148" s="32" t="s">
        <v>32</v>
      </c>
      <c r="C148" s="69"/>
      <c r="D148" s="46">
        <v>79412</v>
      </c>
      <c r="E148" s="47">
        <v>4688</v>
      </c>
      <c r="F148" s="48">
        <v>84100</v>
      </c>
      <c r="G148" s="49">
        <v>2603</v>
      </c>
      <c r="H148" s="48">
        <v>200</v>
      </c>
      <c r="I148" s="48">
        <v>2803</v>
      </c>
      <c r="J148" s="49">
        <v>3275</v>
      </c>
      <c r="K148" s="48">
        <v>268</v>
      </c>
      <c r="L148" s="48">
        <v>3543</v>
      </c>
      <c r="M148" s="49">
        <v>3837</v>
      </c>
      <c r="N148" s="48">
        <v>196</v>
      </c>
      <c r="O148" s="48">
        <v>4033</v>
      </c>
      <c r="P148" s="49">
        <v>3978</v>
      </c>
      <c r="Q148" s="48">
        <v>230</v>
      </c>
      <c r="R148" s="48">
        <v>4208</v>
      </c>
      <c r="S148" s="49">
        <v>3810</v>
      </c>
      <c r="T148" s="48">
        <v>388</v>
      </c>
      <c r="U148" s="48">
        <v>4198</v>
      </c>
      <c r="V148" s="49">
        <v>3638</v>
      </c>
      <c r="W148" s="48">
        <v>543</v>
      </c>
      <c r="X148" s="48">
        <v>4181</v>
      </c>
      <c r="Y148" s="49">
        <v>3720</v>
      </c>
      <c r="Z148" s="48">
        <v>564</v>
      </c>
      <c r="AA148" s="48">
        <v>4284</v>
      </c>
      <c r="AB148" s="49">
        <v>4308</v>
      </c>
      <c r="AC148" s="48">
        <v>522</v>
      </c>
      <c r="AD148" s="48">
        <v>4830</v>
      </c>
      <c r="AE148" s="49">
        <v>4919</v>
      </c>
      <c r="AF148" s="48">
        <v>424</v>
      </c>
      <c r="AG148" s="48">
        <v>5343</v>
      </c>
      <c r="AH148" s="49">
        <v>6309</v>
      </c>
      <c r="AI148" s="48">
        <v>348</v>
      </c>
      <c r="AJ148" s="48">
        <v>6657</v>
      </c>
      <c r="AK148" s="49">
        <v>7031</v>
      </c>
      <c r="AL148" s="48">
        <v>331</v>
      </c>
      <c r="AM148" s="48">
        <v>7362</v>
      </c>
      <c r="AN148" s="49">
        <v>5381</v>
      </c>
      <c r="AO148" s="48">
        <v>261</v>
      </c>
      <c r="AP148" s="48">
        <v>5642</v>
      </c>
      <c r="AQ148" s="49">
        <v>3954</v>
      </c>
      <c r="AR148" s="48">
        <v>189</v>
      </c>
      <c r="AS148" s="48">
        <v>4143</v>
      </c>
      <c r="AT148" s="49">
        <v>3828</v>
      </c>
      <c r="AU148" s="48">
        <v>103</v>
      </c>
      <c r="AV148" s="48">
        <v>3931</v>
      </c>
      <c r="AW148" s="49">
        <v>5364</v>
      </c>
      <c r="AX148" s="48">
        <v>59</v>
      </c>
      <c r="AY148" s="48">
        <v>5423</v>
      </c>
      <c r="AZ148" s="49">
        <v>5468</v>
      </c>
      <c r="BA148" s="48">
        <v>33</v>
      </c>
      <c r="BB148" s="48">
        <v>5501</v>
      </c>
      <c r="BC148" s="49">
        <v>4595</v>
      </c>
      <c r="BD148" s="48">
        <v>19</v>
      </c>
      <c r="BE148" s="48">
        <v>4614</v>
      </c>
      <c r="BF148" s="49">
        <v>2345</v>
      </c>
      <c r="BG148" s="48">
        <v>7</v>
      </c>
      <c r="BH148" s="48">
        <v>2352</v>
      </c>
      <c r="BI148" s="49">
        <v>812</v>
      </c>
      <c r="BJ148" s="48">
        <v>3</v>
      </c>
      <c r="BK148" s="48">
        <v>815</v>
      </c>
      <c r="BL148" s="49">
        <v>201</v>
      </c>
      <c r="BM148" s="48">
        <v>0</v>
      </c>
      <c r="BN148" s="48">
        <v>201</v>
      </c>
      <c r="BO148" s="49">
        <v>36</v>
      </c>
      <c r="BP148" s="48">
        <v>0</v>
      </c>
      <c r="BQ148" s="50">
        <v>36</v>
      </c>
      <c r="BT148" s="66"/>
    </row>
    <row r="149" spans="1:72" x14ac:dyDescent="0.15">
      <c r="A149" s="25"/>
      <c r="B149" s="21" t="s">
        <v>29</v>
      </c>
      <c r="C149" s="67">
        <v>143014</v>
      </c>
      <c r="D149" s="37">
        <v>15094</v>
      </c>
      <c r="E149" s="38">
        <v>187</v>
      </c>
      <c r="F149" s="39">
        <v>15281</v>
      </c>
      <c r="G149" s="52">
        <v>429</v>
      </c>
      <c r="H149" s="52">
        <v>2</v>
      </c>
      <c r="I149" s="39">
        <v>431</v>
      </c>
      <c r="J149" s="52">
        <v>761</v>
      </c>
      <c r="K149" s="52">
        <v>2</v>
      </c>
      <c r="L149" s="39">
        <v>763</v>
      </c>
      <c r="M149" s="52">
        <v>870</v>
      </c>
      <c r="N149" s="52">
        <v>0</v>
      </c>
      <c r="O149" s="39">
        <v>870</v>
      </c>
      <c r="P149" s="52">
        <v>792</v>
      </c>
      <c r="Q149" s="52">
        <v>4</v>
      </c>
      <c r="R149" s="39">
        <v>796</v>
      </c>
      <c r="S149" s="52">
        <v>663</v>
      </c>
      <c r="T149" s="52">
        <v>3</v>
      </c>
      <c r="U149" s="39">
        <v>666</v>
      </c>
      <c r="V149" s="52">
        <v>420</v>
      </c>
      <c r="W149" s="52">
        <v>6</v>
      </c>
      <c r="X149" s="39">
        <v>426</v>
      </c>
      <c r="Y149" s="52">
        <v>340</v>
      </c>
      <c r="Z149" s="52">
        <v>14</v>
      </c>
      <c r="AA149" s="39">
        <v>354</v>
      </c>
      <c r="AB149" s="52">
        <v>549</v>
      </c>
      <c r="AC149" s="52">
        <v>16</v>
      </c>
      <c r="AD149" s="39">
        <v>565</v>
      </c>
      <c r="AE149" s="52">
        <v>911</v>
      </c>
      <c r="AF149" s="52">
        <v>30</v>
      </c>
      <c r="AG149" s="39">
        <v>941</v>
      </c>
      <c r="AH149" s="52">
        <v>1210</v>
      </c>
      <c r="AI149" s="52">
        <v>25</v>
      </c>
      <c r="AJ149" s="39">
        <v>1235</v>
      </c>
      <c r="AK149" s="52">
        <v>1453</v>
      </c>
      <c r="AL149" s="52">
        <v>26</v>
      </c>
      <c r="AM149" s="39">
        <v>1479</v>
      </c>
      <c r="AN149" s="52">
        <v>1329</v>
      </c>
      <c r="AO149" s="52">
        <v>13</v>
      </c>
      <c r="AP149" s="39">
        <v>1342</v>
      </c>
      <c r="AQ149" s="52">
        <v>1045</v>
      </c>
      <c r="AR149" s="52">
        <v>17</v>
      </c>
      <c r="AS149" s="39">
        <v>1062</v>
      </c>
      <c r="AT149" s="52">
        <v>830</v>
      </c>
      <c r="AU149" s="52">
        <v>14</v>
      </c>
      <c r="AV149" s="39">
        <v>844</v>
      </c>
      <c r="AW149" s="52">
        <v>920</v>
      </c>
      <c r="AX149" s="52">
        <v>4</v>
      </c>
      <c r="AY149" s="39">
        <v>924</v>
      </c>
      <c r="AZ149" s="52">
        <v>996</v>
      </c>
      <c r="BA149" s="52">
        <v>4</v>
      </c>
      <c r="BB149" s="39">
        <v>1000</v>
      </c>
      <c r="BC149" s="52">
        <v>830</v>
      </c>
      <c r="BD149" s="52">
        <v>2</v>
      </c>
      <c r="BE149" s="39">
        <v>832</v>
      </c>
      <c r="BF149" s="52">
        <v>500</v>
      </c>
      <c r="BG149" s="52">
        <v>2</v>
      </c>
      <c r="BH149" s="39">
        <v>502</v>
      </c>
      <c r="BI149" s="52">
        <v>206</v>
      </c>
      <c r="BJ149" s="52">
        <v>2</v>
      </c>
      <c r="BK149" s="39">
        <v>208</v>
      </c>
      <c r="BL149" s="52">
        <v>37</v>
      </c>
      <c r="BM149" s="52">
        <v>1</v>
      </c>
      <c r="BN149" s="39">
        <v>38</v>
      </c>
      <c r="BO149" s="52">
        <v>3</v>
      </c>
      <c r="BP149" s="52">
        <v>0</v>
      </c>
      <c r="BQ149" s="39">
        <v>3</v>
      </c>
      <c r="BT149" s="66"/>
    </row>
    <row r="150" spans="1:72" x14ac:dyDescent="0.15">
      <c r="A150" s="25" t="s">
        <v>78</v>
      </c>
      <c r="B150" s="26" t="s">
        <v>31</v>
      </c>
      <c r="C150" s="68"/>
      <c r="D150" s="42">
        <v>16886</v>
      </c>
      <c r="E150" s="40">
        <v>105</v>
      </c>
      <c r="F150" s="43">
        <v>16991</v>
      </c>
      <c r="G150" s="52">
        <v>385</v>
      </c>
      <c r="H150" s="52">
        <v>1</v>
      </c>
      <c r="I150" s="43">
        <v>386</v>
      </c>
      <c r="J150" s="52">
        <v>670</v>
      </c>
      <c r="K150" s="52">
        <v>3</v>
      </c>
      <c r="L150" s="43">
        <v>673</v>
      </c>
      <c r="M150" s="52">
        <v>802</v>
      </c>
      <c r="N150" s="52">
        <v>4</v>
      </c>
      <c r="O150" s="43">
        <v>806</v>
      </c>
      <c r="P150" s="52">
        <v>768</v>
      </c>
      <c r="Q150" s="52">
        <v>2</v>
      </c>
      <c r="R150" s="43">
        <v>770</v>
      </c>
      <c r="S150" s="52">
        <v>667</v>
      </c>
      <c r="T150" s="52">
        <v>2</v>
      </c>
      <c r="U150" s="43">
        <v>669</v>
      </c>
      <c r="V150" s="52">
        <v>387</v>
      </c>
      <c r="W150" s="52">
        <v>4</v>
      </c>
      <c r="X150" s="43">
        <v>391</v>
      </c>
      <c r="Y150" s="52">
        <v>408</v>
      </c>
      <c r="Z150" s="52">
        <v>8</v>
      </c>
      <c r="AA150" s="43">
        <v>416</v>
      </c>
      <c r="AB150" s="52">
        <v>678</v>
      </c>
      <c r="AC150" s="52">
        <v>12</v>
      </c>
      <c r="AD150" s="43">
        <v>690</v>
      </c>
      <c r="AE150" s="52">
        <v>1089</v>
      </c>
      <c r="AF150" s="52">
        <v>13</v>
      </c>
      <c r="AG150" s="43">
        <v>1102</v>
      </c>
      <c r="AH150" s="52">
        <v>1372</v>
      </c>
      <c r="AI150" s="52">
        <v>8</v>
      </c>
      <c r="AJ150" s="43">
        <v>1380</v>
      </c>
      <c r="AK150" s="52">
        <v>1613</v>
      </c>
      <c r="AL150" s="52">
        <v>11</v>
      </c>
      <c r="AM150" s="43">
        <v>1624</v>
      </c>
      <c r="AN150" s="52">
        <v>1294</v>
      </c>
      <c r="AO150" s="52">
        <v>8</v>
      </c>
      <c r="AP150" s="43">
        <v>1302</v>
      </c>
      <c r="AQ150" s="52">
        <v>996</v>
      </c>
      <c r="AR150" s="52">
        <v>6</v>
      </c>
      <c r="AS150" s="43">
        <v>1002</v>
      </c>
      <c r="AT150" s="52">
        <v>851</v>
      </c>
      <c r="AU150" s="52">
        <v>6</v>
      </c>
      <c r="AV150" s="43">
        <v>857</v>
      </c>
      <c r="AW150" s="52">
        <v>1147</v>
      </c>
      <c r="AX150" s="52">
        <v>5</v>
      </c>
      <c r="AY150" s="43">
        <v>1152</v>
      </c>
      <c r="AZ150" s="52">
        <v>1321</v>
      </c>
      <c r="BA150" s="52">
        <v>3</v>
      </c>
      <c r="BB150" s="43">
        <v>1324</v>
      </c>
      <c r="BC150" s="52">
        <v>1104</v>
      </c>
      <c r="BD150" s="52">
        <v>5</v>
      </c>
      <c r="BE150" s="43">
        <v>1109</v>
      </c>
      <c r="BF150" s="52">
        <v>770</v>
      </c>
      <c r="BG150" s="52">
        <v>3</v>
      </c>
      <c r="BH150" s="43">
        <v>773</v>
      </c>
      <c r="BI150" s="52">
        <v>374</v>
      </c>
      <c r="BJ150" s="52">
        <v>1</v>
      </c>
      <c r="BK150" s="43">
        <v>375</v>
      </c>
      <c r="BL150" s="52">
        <v>159</v>
      </c>
      <c r="BM150" s="52">
        <v>0</v>
      </c>
      <c r="BN150" s="43">
        <v>159</v>
      </c>
      <c r="BO150" s="52">
        <v>31</v>
      </c>
      <c r="BP150" s="52">
        <v>0</v>
      </c>
      <c r="BQ150" s="43">
        <v>31</v>
      </c>
      <c r="BT150" s="66"/>
    </row>
    <row r="151" spans="1:72" ht="15" thickBot="1" x14ac:dyDescent="0.2">
      <c r="A151" s="45"/>
      <c r="B151" s="32" t="s">
        <v>32</v>
      </c>
      <c r="C151" s="69"/>
      <c r="D151" s="46">
        <v>31980</v>
      </c>
      <c r="E151" s="47">
        <v>292</v>
      </c>
      <c r="F151" s="48">
        <v>32272</v>
      </c>
      <c r="G151" s="49">
        <v>814</v>
      </c>
      <c r="H151" s="48">
        <v>3</v>
      </c>
      <c r="I151" s="48">
        <v>817</v>
      </c>
      <c r="J151" s="49">
        <v>1431</v>
      </c>
      <c r="K151" s="48">
        <v>5</v>
      </c>
      <c r="L151" s="48">
        <v>1436</v>
      </c>
      <c r="M151" s="49">
        <v>1672</v>
      </c>
      <c r="N151" s="48">
        <v>4</v>
      </c>
      <c r="O151" s="48">
        <v>1676</v>
      </c>
      <c r="P151" s="49">
        <v>1560</v>
      </c>
      <c r="Q151" s="48">
        <v>6</v>
      </c>
      <c r="R151" s="48">
        <v>1566</v>
      </c>
      <c r="S151" s="49">
        <v>1330</v>
      </c>
      <c r="T151" s="48">
        <v>5</v>
      </c>
      <c r="U151" s="48">
        <v>1335</v>
      </c>
      <c r="V151" s="49">
        <v>807</v>
      </c>
      <c r="W151" s="48">
        <v>10</v>
      </c>
      <c r="X151" s="48">
        <v>817</v>
      </c>
      <c r="Y151" s="49">
        <v>748</v>
      </c>
      <c r="Z151" s="48">
        <v>22</v>
      </c>
      <c r="AA151" s="48">
        <v>770</v>
      </c>
      <c r="AB151" s="49">
        <v>1227</v>
      </c>
      <c r="AC151" s="48">
        <v>28</v>
      </c>
      <c r="AD151" s="48">
        <v>1255</v>
      </c>
      <c r="AE151" s="49">
        <v>2000</v>
      </c>
      <c r="AF151" s="48">
        <v>43</v>
      </c>
      <c r="AG151" s="48">
        <v>2043</v>
      </c>
      <c r="AH151" s="49">
        <v>2582</v>
      </c>
      <c r="AI151" s="48">
        <v>33</v>
      </c>
      <c r="AJ151" s="48">
        <v>2615</v>
      </c>
      <c r="AK151" s="49">
        <v>3066</v>
      </c>
      <c r="AL151" s="48">
        <v>37</v>
      </c>
      <c r="AM151" s="48">
        <v>3103</v>
      </c>
      <c r="AN151" s="49">
        <v>2623</v>
      </c>
      <c r="AO151" s="48">
        <v>21</v>
      </c>
      <c r="AP151" s="48">
        <v>2644</v>
      </c>
      <c r="AQ151" s="49">
        <v>2041</v>
      </c>
      <c r="AR151" s="48">
        <v>23</v>
      </c>
      <c r="AS151" s="48">
        <v>2064</v>
      </c>
      <c r="AT151" s="49">
        <v>1681</v>
      </c>
      <c r="AU151" s="48">
        <v>20</v>
      </c>
      <c r="AV151" s="48">
        <v>1701</v>
      </c>
      <c r="AW151" s="49">
        <v>2067</v>
      </c>
      <c r="AX151" s="48">
        <v>9</v>
      </c>
      <c r="AY151" s="48">
        <v>2076</v>
      </c>
      <c r="AZ151" s="49">
        <v>2317</v>
      </c>
      <c r="BA151" s="48">
        <v>7</v>
      </c>
      <c r="BB151" s="48">
        <v>2324</v>
      </c>
      <c r="BC151" s="49">
        <v>1934</v>
      </c>
      <c r="BD151" s="48">
        <v>7</v>
      </c>
      <c r="BE151" s="48">
        <v>1941</v>
      </c>
      <c r="BF151" s="49">
        <v>1270</v>
      </c>
      <c r="BG151" s="48">
        <v>5</v>
      </c>
      <c r="BH151" s="48">
        <v>1275</v>
      </c>
      <c r="BI151" s="49">
        <v>580</v>
      </c>
      <c r="BJ151" s="48">
        <v>3</v>
      </c>
      <c r="BK151" s="48">
        <v>583</v>
      </c>
      <c r="BL151" s="49">
        <v>196</v>
      </c>
      <c r="BM151" s="48">
        <v>1</v>
      </c>
      <c r="BN151" s="48">
        <v>197</v>
      </c>
      <c r="BO151" s="49">
        <v>34</v>
      </c>
      <c r="BP151" s="48">
        <v>0</v>
      </c>
      <c r="BQ151" s="48">
        <v>34</v>
      </c>
      <c r="BT151" s="66"/>
    </row>
    <row r="152" spans="1:72" x14ac:dyDescent="0.15">
      <c r="A152" s="25"/>
      <c r="B152" s="21" t="s">
        <v>29</v>
      </c>
      <c r="C152" s="67">
        <v>143219</v>
      </c>
      <c r="D152" s="37">
        <v>24311</v>
      </c>
      <c r="E152" s="38">
        <v>690</v>
      </c>
      <c r="F152" s="39">
        <v>25001</v>
      </c>
      <c r="G152" s="52">
        <v>872</v>
      </c>
      <c r="H152" s="52">
        <v>25</v>
      </c>
      <c r="I152" s="39">
        <v>897</v>
      </c>
      <c r="J152" s="52">
        <v>1088</v>
      </c>
      <c r="K152" s="52">
        <v>22</v>
      </c>
      <c r="L152" s="39">
        <v>1110</v>
      </c>
      <c r="M152" s="52">
        <v>1102</v>
      </c>
      <c r="N152" s="52">
        <v>19</v>
      </c>
      <c r="O152" s="39">
        <v>1121</v>
      </c>
      <c r="P152" s="52">
        <v>1197</v>
      </c>
      <c r="Q152" s="52">
        <v>21</v>
      </c>
      <c r="R152" s="39">
        <v>1218</v>
      </c>
      <c r="S152" s="52">
        <v>1110</v>
      </c>
      <c r="T152" s="52">
        <v>120</v>
      </c>
      <c r="U152" s="39">
        <v>1230</v>
      </c>
      <c r="V152" s="52">
        <v>1196</v>
      </c>
      <c r="W152" s="52">
        <v>153</v>
      </c>
      <c r="X152" s="39">
        <v>1349</v>
      </c>
      <c r="Y152" s="52">
        <v>1279</v>
      </c>
      <c r="Z152" s="52">
        <v>103</v>
      </c>
      <c r="AA152" s="39">
        <v>1382</v>
      </c>
      <c r="AB152" s="52">
        <v>1469</v>
      </c>
      <c r="AC152" s="52">
        <v>51</v>
      </c>
      <c r="AD152" s="39">
        <v>1520</v>
      </c>
      <c r="AE152" s="52">
        <v>1681</v>
      </c>
      <c r="AF152" s="52">
        <v>42</v>
      </c>
      <c r="AG152" s="39">
        <v>1723</v>
      </c>
      <c r="AH152" s="52">
        <v>2004</v>
      </c>
      <c r="AI152" s="52">
        <v>34</v>
      </c>
      <c r="AJ152" s="39">
        <v>2038</v>
      </c>
      <c r="AK152" s="52">
        <v>2110</v>
      </c>
      <c r="AL152" s="52">
        <v>33</v>
      </c>
      <c r="AM152" s="39">
        <v>2143</v>
      </c>
      <c r="AN152" s="52">
        <v>1688</v>
      </c>
      <c r="AO152" s="52">
        <v>22</v>
      </c>
      <c r="AP152" s="39">
        <v>1710</v>
      </c>
      <c r="AQ152" s="52">
        <v>1365</v>
      </c>
      <c r="AR152" s="52">
        <v>28</v>
      </c>
      <c r="AS152" s="39">
        <v>1393</v>
      </c>
      <c r="AT152" s="52">
        <v>1279</v>
      </c>
      <c r="AU152" s="52">
        <v>6</v>
      </c>
      <c r="AV152" s="39">
        <v>1285</v>
      </c>
      <c r="AW152" s="52">
        <v>1691</v>
      </c>
      <c r="AX152" s="52">
        <v>5</v>
      </c>
      <c r="AY152" s="39">
        <v>1696</v>
      </c>
      <c r="AZ152" s="52">
        <v>1385</v>
      </c>
      <c r="BA152" s="52">
        <v>3</v>
      </c>
      <c r="BB152" s="39">
        <v>1388</v>
      </c>
      <c r="BC152" s="52">
        <v>1092</v>
      </c>
      <c r="BD152" s="52">
        <v>3</v>
      </c>
      <c r="BE152" s="39">
        <v>1095</v>
      </c>
      <c r="BF152" s="52">
        <v>528</v>
      </c>
      <c r="BG152" s="52">
        <v>0</v>
      </c>
      <c r="BH152" s="39">
        <v>528</v>
      </c>
      <c r="BI152" s="52">
        <v>147</v>
      </c>
      <c r="BJ152" s="52">
        <v>0</v>
      </c>
      <c r="BK152" s="39">
        <v>147</v>
      </c>
      <c r="BL152" s="52">
        <v>24</v>
      </c>
      <c r="BM152" s="52">
        <v>0</v>
      </c>
      <c r="BN152" s="39">
        <v>24</v>
      </c>
      <c r="BO152" s="52">
        <v>4</v>
      </c>
      <c r="BP152" s="52">
        <v>0</v>
      </c>
      <c r="BQ152" s="41">
        <v>4</v>
      </c>
      <c r="BT152" s="66"/>
    </row>
    <row r="153" spans="1:72" x14ac:dyDescent="0.15">
      <c r="A153" s="25" t="s">
        <v>79</v>
      </c>
      <c r="B153" s="26" t="s">
        <v>31</v>
      </c>
      <c r="C153" s="68"/>
      <c r="D153" s="42">
        <v>23624</v>
      </c>
      <c r="E153" s="40">
        <v>510</v>
      </c>
      <c r="F153" s="43">
        <v>24134</v>
      </c>
      <c r="G153" s="52">
        <v>820</v>
      </c>
      <c r="H153" s="52">
        <v>15</v>
      </c>
      <c r="I153" s="43">
        <v>835</v>
      </c>
      <c r="J153" s="52">
        <v>1007</v>
      </c>
      <c r="K153" s="52">
        <v>19</v>
      </c>
      <c r="L153" s="43">
        <v>1026</v>
      </c>
      <c r="M153" s="52">
        <v>1075</v>
      </c>
      <c r="N153" s="52">
        <v>19</v>
      </c>
      <c r="O153" s="43">
        <v>1094</v>
      </c>
      <c r="P153" s="52">
        <v>1056</v>
      </c>
      <c r="Q153" s="52">
        <v>15</v>
      </c>
      <c r="R153" s="43">
        <v>1071</v>
      </c>
      <c r="S153" s="52">
        <v>1033</v>
      </c>
      <c r="T153" s="52">
        <v>47</v>
      </c>
      <c r="U153" s="43">
        <v>1080</v>
      </c>
      <c r="V153" s="52">
        <v>1049</v>
      </c>
      <c r="W153" s="52">
        <v>66</v>
      </c>
      <c r="X153" s="43">
        <v>1115</v>
      </c>
      <c r="Y153" s="52">
        <v>1130</v>
      </c>
      <c r="Z153" s="52">
        <v>67</v>
      </c>
      <c r="AA153" s="43">
        <v>1197</v>
      </c>
      <c r="AB153" s="52">
        <v>1287</v>
      </c>
      <c r="AC153" s="52">
        <v>45</v>
      </c>
      <c r="AD153" s="43">
        <v>1332</v>
      </c>
      <c r="AE153" s="52">
        <v>1498</v>
      </c>
      <c r="AF153" s="52">
        <v>45</v>
      </c>
      <c r="AG153" s="43">
        <v>1543</v>
      </c>
      <c r="AH153" s="52">
        <v>1828</v>
      </c>
      <c r="AI153" s="52">
        <v>35</v>
      </c>
      <c r="AJ153" s="43">
        <v>1863</v>
      </c>
      <c r="AK153" s="52">
        <v>1752</v>
      </c>
      <c r="AL153" s="52">
        <v>42</v>
      </c>
      <c r="AM153" s="43">
        <v>1794</v>
      </c>
      <c r="AN153" s="52">
        <v>1490</v>
      </c>
      <c r="AO153" s="52">
        <v>33</v>
      </c>
      <c r="AP153" s="43">
        <v>1523</v>
      </c>
      <c r="AQ153" s="52">
        <v>1272</v>
      </c>
      <c r="AR153" s="52">
        <v>29</v>
      </c>
      <c r="AS153" s="43">
        <v>1301</v>
      </c>
      <c r="AT153" s="52">
        <v>1350</v>
      </c>
      <c r="AU153" s="52">
        <v>21</v>
      </c>
      <c r="AV153" s="43">
        <v>1371</v>
      </c>
      <c r="AW153" s="52">
        <v>1816</v>
      </c>
      <c r="AX153" s="52">
        <v>1</v>
      </c>
      <c r="AY153" s="43">
        <v>1817</v>
      </c>
      <c r="AZ153" s="52">
        <v>1626</v>
      </c>
      <c r="BA153" s="52">
        <v>3</v>
      </c>
      <c r="BB153" s="43">
        <v>1629</v>
      </c>
      <c r="BC153" s="52">
        <v>1358</v>
      </c>
      <c r="BD153" s="52">
        <v>4</v>
      </c>
      <c r="BE153" s="43">
        <v>1362</v>
      </c>
      <c r="BF153" s="52">
        <v>731</v>
      </c>
      <c r="BG153" s="52">
        <v>4</v>
      </c>
      <c r="BH153" s="43">
        <v>735</v>
      </c>
      <c r="BI153" s="52">
        <v>338</v>
      </c>
      <c r="BJ153" s="52">
        <v>0</v>
      </c>
      <c r="BK153" s="43">
        <v>338</v>
      </c>
      <c r="BL153" s="52">
        <v>97</v>
      </c>
      <c r="BM153" s="52">
        <v>0</v>
      </c>
      <c r="BN153" s="43">
        <v>97</v>
      </c>
      <c r="BO153" s="52">
        <v>11</v>
      </c>
      <c r="BP153" s="52">
        <v>0</v>
      </c>
      <c r="BQ153" s="44">
        <v>11</v>
      </c>
      <c r="BT153" s="66"/>
    </row>
    <row r="154" spans="1:72" ht="15" thickBot="1" x14ac:dyDescent="0.2">
      <c r="A154" s="45"/>
      <c r="B154" s="32" t="s">
        <v>32</v>
      </c>
      <c r="C154" s="69"/>
      <c r="D154" s="46">
        <v>47935</v>
      </c>
      <c r="E154" s="47">
        <v>1200</v>
      </c>
      <c r="F154" s="48">
        <v>49135</v>
      </c>
      <c r="G154" s="49">
        <v>1692</v>
      </c>
      <c r="H154" s="48">
        <v>40</v>
      </c>
      <c r="I154" s="48">
        <v>1732</v>
      </c>
      <c r="J154" s="49">
        <v>2095</v>
      </c>
      <c r="K154" s="48">
        <v>41</v>
      </c>
      <c r="L154" s="48">
        <v>2136</v>
      </c>
      <c r="M154" s="49">
        <v>2177</v>
      </c>
      <c r="N154" s="48">
        <v>38</v>
      </c>
      <c r="O154" s="48">
        <v>2215</v>
      </c>
      <c r="P154" s="49">
        <v>2253</v>
      </c>
      <c r="Q154" s="48">
        <v>36</v>
      </c>
      <c r="R154" s="48">
        <v>2289</v>
      </c>
      <c r="S154" s="49">
        <v>2143</v>
      </c>
      <c r="T154" s="48">
        <v>167</v>
      </c>
      <c r="U154" s="48">
        <v>2310</v>
      </c>
      <c r="V154" s="49">
        <v>2245</v>
      </c>
      <c r="W154" s="48">
        <v>219</v>
      </c>
      <c r="X154" s="48">
        <v>2464</v>
      </c>
      <c r="Y154" s="49">
        <v>2409</v>
      </c>
      <c r="Z154" s="48">
        <v>170</v>
      </c>
      <c r="AA154" s="48">
        <v>2579</v>
      </c>
      <c r="AB154" s="49">
        <v>2756</v>
      </c>
      <c r="AC154" s="48">
        <v>96</v>
      </c>
      <c r="AD154" s="48">
        <v>2852</v>
      </c>
      <c r="AE154" s="49">
        <v>3179</v>
      </c>
      <c r="AF154" s="48">
        <v>87</v>
      </c>
      <c r="AG154" s="48">
        <v>3266</v>
      </c>
      <c r="AH154" s="49">
        <v>3832</v>
      </c>
      <c r="AI154" s="48">
        <v>69</v>
      </c>
      <c r="AJ154" s="48">
        <v>3901</v>
      </c>
      <c r="AK154" s="49">
        <v>3862</v>
      </c>
      <c r="AL154" s="48">
        <v>75</v>
      </c>
      <c r="AM154" s="48">
        <v>3937</v>
      </c>
      <c r="AN154" s="49">
        <v>3178</v>
      </c>
      <c r="AO154" s="48">
        <v>55</v>
      </c>
      <c r="AP154" s="48">
        <v>3233</v>
      </c>
      <c r="AQ154" s="49">
        <v>2637</v>
      </c>
      <c r="AR154" s="48">
        <v>57</v>
      </c>
      <c r="AS154" s="48">
        <v>2694</v>
      </c>
      <c r="AT154" s="49">
        <v>2629</v>
      </c>
      <c r="AU154" s="48">
        <v>27</v>
      </c>
      <c r="AV154" s="48">
        <v>2656</v>
      </c>
      <c r="AW154" s="49">
        <v>3507</v>
      </c>
      <c r="AX154" s="48">
        <v>6</v>
      </c>
      <c r="AY154" s="48">
        <v>3513</v>
      </c>
      <c r="AZ154" s="49">
        <v>3011</v>
      </c>
      <c r="BA154" s="48">
        <v>6</v>
      </c>
      <c r="BB154" s="48">
        <v>3017</v>
      </c>
      <c r="BC154" s="49">
        <v>2450</v>
      </c>
      <c r="BD154" s="48">
        <v>7</v>
      </c>
      <c r="BE154" s="48">
        <v>2457</v>
      </c>
      <c r="BF154" s="49">
        <v>1259</v>
      </c>
      <c r="BG154" s="48">
        <v>4</v>
      </c>
      <c r="BH154" s="48">
        <v>1263</v>
      </c>
      <c r="BI154" s="49">
        <v>485</v>
      </c>
      <c r="BJ154" s="48">
        <v>0</v>
      </c>
      <c r="BK154" s="48">
        <v>485</v>
      </c>
      <c r="BL154" s="49">
        <v>121</v>
      </c>
      <c r="BM154" s="48">
        <v>0</v>
      </c>
      <c r="BN154" s="48">
        <v>121</v>
      </c>
      <c r="BO154" s="49">
        <v>15</v>
      </c>
      <c r="BP154" s="48">
        <v>0</v>
      </c>
      <c r="BQ154" s="50">
        <v>15</v>
      </c>
      <c r="BT154" s="66"/>
    </row>
    <row r="155" spans="1:72" x14ac:dyDescent="0.15">
      <c r="A155" s="25"/>
      <c r="B155" s="21" t="s">
        <v>29</v>
      </c>
      <c r="C155" s="67">
        <v>143413</v>
      </c>
      <c r="D155" s="37">
        <v>15560</v>
      </c>
      <c r="E155" s="38">
        <v>118</v>
      </c>
      <c r="F155" s="39">
        <v>15678</v>
      </c>
      <c r="G155" s="52">
        <v>442</v>
      </c>
      <c r="H155" s="52">
        <v>0</v>
      </c>
      <c r="I155" s="39">
        <v>442</v>
      </c>
      <c r="J155" s="52">
        <v>628</v>
      </c>
      <c r="K155" s="52">
        <v>2</v>
      </c>
      <c r="L155" s="39">
        <v>630</v>
      </c>
      <c r="M155" s="52">
        <v>672</v>
      </c>
      <c r="N155" s="52">
        <v>0</v>
      </c>
      <c r="O155" s="39">
        <v>672</v>
      </c>
      <c r="P155" s="52">
        <v>733</v>
      </c>
      <c r="Q155" s="52">
        <v>4</v>
      </c>
      <c r="R155" s="39">
        <v>737</v>
      </c>
      <c r="S155" s="52">
        <v>634</v>
      </c>
      <c r="T155" s="52">
        <v>7</v>
      </c>
      <c r="U155" s="39">
        <v>641</v>
      </c>
      <c r="V155" s="52">
        <v>512</v>
      </c>
      <c r="W155" s="52">
        <v>15</v>
      </c>
      <c r="X155" s="39">
        <v>527</v>
      </c>
      <c r="Y155" s="52">
        <v>474</v>
      </c>
      <c r="Z155" s="52">
        <v>8</v>
      </c>
      <c r="AA155" s="39">
        <v>482</v>
      </c>
      <c r="AB155" s="52">
        <v>728</v>
      </c>
      <c r="AC155" s="52">
        <v>15</v>
      </c>
      <c r="AD155" s="39">
        <v>743</v>
      </c>
      <c r="AE155" s="52">
        <v>925</v>
      </c>
      <c r="AF155" s="52">
        <v>10</v>
      </c>
      <c r="AG155" s="39">
        <v>935</v>
      </c>
      <c r="AH155" s="52">
        <v>1253</v>
      </c>
      <c r="AI155" s="52">
        <v>10</v>
      </c>
      <c r="AJ155" s="39">
        <v>1263</v>
      </c>
      <c r="AK155" s="52">
        <v>1369</v>
      </c>
      <c r="AL155" s="52">
        <v>15</v>
      </c>
      <c r="AM155" s="39">
        <v>1384</v>
      </c>
      <c r="AN155" s="52">
        <v>1257</v>
      </c>
      <c r="AO155" s="52">
        <v>12</v>
      </c>
      <c r="AP155" s="39">
        <v>1269</v>
      </c>
      <c r="AQ155" s="52">
        <v>1002</v>
      </c>
      <c r="AR155" s="52">
        <v>6</v>
      </c>
      <c r="AS155" s="39">
        <v>1008</v>
      </c>
      <c r="AT155" s="52">
        <v>970</v>
      </c>
      <c r="AU155" s="52">
        <v>3</v>
      </c>
      <c r="AV155" s="39">
        <v>973</v>
      </c>
      <c r="AW155" s="52">
        <v>1197</v>
      </c>
      <c r="AX155" s="52">
        <v>4</v>
      </c>
      <c r="AY155" s="39">
        <v>1201</v>
      </c>
      <c r="AZ155" s="52">
        <v>1159</v>
      </c>
      <c r="BA155" s="52">
        <v>2</v>
      </c>
      <c r="BB155" s="39">
        <v>1161</v>
      </c>
      <c r="BC155" s="52">
        <v>934</v>
      </c>
      <c r="BD155" s="52">
        <v>3</v>
      </c>
      <c r="BE155" s="39">
        <v>937</v>
      </c>
      <c r="BF155" s="52">
        <v>465</v>
      </c>
      <c r="BG155" s="52">
        <v>0</v>
      </c>
      <c r="BH155" s="39">
        <v>465</v>
      </c>
      <c r="BI155" s="52">
        <v>165</v>
      </c>
      <c r="BJ155" s="52">
        <v>2</v>
      </c>
      <c r="BK155" s="39">
        <v>167</v>
      </c>
      <c r="BL155" s="52">
        <v>37</v>
      </c>
      <c r="BM155" s="52">
        <v>0</v>
      </c>
      <c r="BN155" s="39">
        <v>37</v>
      </c>
      <c r="BO155" s="52">
        <v>4</v>
      </c>
      <c r="BP155" s="52">
        <v>0</v>
      </c>
      <c r="BQ155" s="39">
        <v>4</v>
      </c>
      <c r="BT155" s="66"/>
    </row>
    <row r="156" spans="1:72" x14ac:dyDescent="0.15">
      <c r="A156" s="25" t="s">
        <v>80</v>
      </c>
      <c r="B156" s="26" t="s">
        <v>31</v>
      </c>
      <c r="C156" s="68"/>
      <c r="D156" s="42">
        <v>16277</v>
      </c>
      <c r="E156" s="40">
        <v>99</v>
      </c>
      <c r="F156" s="43">
        <v>16376</v>
      </c>
      <c r="G156" s="52">
        <v>408</v>
      </c>
      <c r="H156" s="52">
        <v>0</v>
      </c>
      <c r="I156" s="43">
        <v>408</v>
      </c>
      <c r="J156" s="52">
        <v>572</v>
      </c>
      <c r="K156" s="52">
        <v>0</v>
      </c>
      <c r="L156" s="43">
        <v>572</v>
      </c>
      <c r="M156" s="52">
        <v>679</v>
      </c>
      <c r="N156" s="52">
        <v>1</v>
      </c>
      <c r="O156" s="43">
        <v>680</v>
      </c>
      <c r="P156" s="52">
        <v>700</v>
      </c>
      <c r="Q156" s="52">
        <v>2</v>
      </c>
      <c r="R156" s="43">
        <v>702</v>
      </c>
      <c r="S156" s="52">
        <v>582</v>
      </c>
      <c r="T156" s="52">
        <v>5</v>
      </c>
      <c r="U156" s="43">
        <v>587</v>
      </c>
      <c r="V156" s="52">
        <v>454</v>
      </c>
      <c r="W156" s="52">
        <v>11</v>
      </c>
      <c r="X156" s="43">
        <v>465</v>
      </c>
      <c r="Y156" s="52">
        <v>500</v>
      </c>
      <c r="Z156" s="52">
        <v>6</v>
      </c>
      <c r="AA156" s="43">
        <v>506</v>
      </c>
      <c r="AB156" s="52">
        <v>727</v>
      </c>
      <c r="AC156" s="52">
        <v>5</v>
      </c>
      <c r="AD156" s="43">
        <v>732</v>
      </c>
      <c r="AE156" s="52">
        <v>941</v>
      </c>
      <c r="AF156" s="52">
        <v>16</v>
      </c>
      <c r="AG156" s="43">
        <v>957</v>
      </c>
      <c r="AH156" s="52">
        <v>1158</v>
      </c>
      <c r="AI156" s="52">
        <v>20</v>
      </c>
      <c r="AJ156" s="43">
        <v>1178</v>
      </c>
      <c r="AK156" s="52">
        <v>1315</v>
      </c>
      <c r="AL156" s="52">
        <v>12</v>
      </c>
      <c r="AM156" s="43">
        <v>1327</v>
      </c>
      <c r="AN156" s="52">
        <v>1090</v>
      </c>
      <c r="AO156" s="52">
        <v>9</v>
      </c>
      <c r="AP156" s="43">
        <v>1099</v>
      </c>
      <c r="AQ156" s="52">
        <v>1004</v>
      </c>
      <c r="AR156" s="52">
        <v>3</v>
      </c>
      <c r="AS156" s="43">
        <v>1007</v>
      </c>
      <c r="AT156" s="52">
        <v>993</v>
      </c>
      <c r="AU156" s="52">
        <v>4</v>
      </c>
      <c r="AV156" s="43">
        <v>997</v>
      </c>
      <c r="AW156" s="52">
        <v>1393</v>
      </c>
      <c r="AX156" s="52">
        <v>2</v>
      </c>
      <c r="AY156" s="43">
        <v>1395</v>
      </c>
      <c r="AZ156" s="52">
        <v>1389</v>
      </c>
      <c r="BA156" s="52">
        <v>0</v>
      </c>
      <c r="BB156" s="43">
        <v>1389</v>
      </c>
      <c r="BC156" s="52">
        <v>1093</v>
      </c>
      <c r="BD156" s="52">
        <v>3</v>
      </c>
      <c r="BE156" s="43">
        <v>1096</v>
      </c>
      <c r="BF156" s="52">
        <v>748</v>
      </c>
      <c r="BG156" s="52">
        <v>0</v>
      </c>
      <c r="BH156" s="43">
        <v>748</v>
      </c>
      <c r="BI156" s="52">
        <v>363</v>
      </c>
      <c r="BJ156" s="52">
        <v>0</v>
      </c>
      <c r="BK156" s="43">
        <v>363</v>
      </c>
      <c r="BL156" s="52">
        <v>133</v>
      </c>
      <c r="BM156" s="52">
        <v>0</v>
      </c>
      <c r="BN156" s="43">
        <v>133</v>
      </c>
      <c r="BO156" s="52">
        <v>35</v>
      </c>
      <c r="BP156" s="52">
        <v>0</v>
      </c>
      <c r="BQ156" s="43">
        <v>35</v>
      </c>
      <c r="BT156" s="66"/>
    </row>
    <row r="157" spans="1:72" ht="15" thickBot="1" x14ac:dyDescent="0.2">
      <c r="A157" s="45"/>
      <c r="B157" s="32" t="s">
        <v>32</v>
      </c>
      <c r="C157" s="69"/>
      <c r="D157" s="46">
        <v>31837</v>
      </c>
      <c r="E157" s="47">
        <v>217</v>
      </c>
      <c r="F157" s="48">
        <v>32054</v>
      </c>
      <c r="G157" s="49">
        <v>850</v>
      </c>
      <c r="H157" s="48">
        <v>0</v>
      </c>
      <c r="I157" s="48">
        <v>850</v>
      </c>
      <c r="J157" s="49">
        <v>1200</v>
      </c>
      <c r="K157" s="48">
        <v>2</v>
      </c>
      <c r="L157" s="48">
        <v>1202</v>
      </c>
      <c r="M157" s="49">
        <v>1351</v>
      </c>
      <c r="N157" s="48">
        <v>1</v>
      </c>
      <c r="O157" s="48">
        <v>1352</v>
      </c>
      <c r="P157" s="49">
        <v>1433</v>
      </c>
      <c r="Q157" s="48">
        <v>6</v>
      </c>
      <c r="R157" s="48">
        <v>1439</v>
      </c>
      <c r="S157" s="49">
        <v>1216</v>
      </c>
      <c r="T157" s="48">
        <v>12</v>
      </c>
      <c r="U157" s="48">
        <v>1228</v>
      </c>
      <c r="V157" s="49">
        <v>966</v>
      </c>
      <c r="W157" s="48">
        <v>26</v>
      </c>
      <c r="X157" s="48">
        <v>992</v>
      </c>
      <c r="Y157" s="49">
        <v>974</v>
      </c>
      <c r="Z157" s="48">
        <v>14</v>
      </c>
      <c r="AA157" s="48">
        <v>988</v>
      </c>
      <c r="AB157" s="49">
        <v>1455</v>
      </c>
      <c r="AC157" s="48">
        <v>20</v>
      </c>
      <c r="AD157" s="48">
        <v>1475</v>
      </c>
      <c r="AE157" s="49">
        <v>1866</v>
      </c>
      <c r="AF157" s="48">
        <v>26</v>
      </c>
      <c r="AG157" s="48">
        <v>1892</v>
      </c>
      <c r="AH157" s="49">
        <v>2411</v>
      </c>
      <c r="AI157" s="48">
        <v>30</v>
      </c>
      <c r="AJ157" s="48">
        <v>2441</v>
      </c>
      <c r="AK157" s="49">
        <v>2684</v>
      </c>
      <c r="AL157" s="48">
        <v>27</v>
      </c>
      <c r="AM157" s="48">
        <v>2711</v>
      </c>
      <c r="AN157" s="49">
        <v>2347</v>
      </c>
      <c r="AO157" s="48">
        <v>21</v>
      </c>
      <c r="AP157" s="48">
        <v>2368</v>
      </c>
      <c r="AQ157" s="49">
        <v>2006</v>
      </c>
      <c r="AR157" s="48">
        <v>9</v>
      </c>
      <c r="AS157" s="48">
        <v>2015</v>
      </c>
      <c r="AT157" s="49">
        <v>1963</v>
      </c>
      <c r="AU157" s="48">
        <v>7</v>
      </c>
      <c r="AV157" s="48">
        <v>1970</v>
      </c>
      <c r="AW157" s="49">
        <v>2590</v>
      </c>
      <c r="AX157" s="48">
        <v>6</v>
      </c>
      <c r="AY157" s="48">
        <v>2596</v>
      </c>
      <c r="AZ157" s="49">
        <v>2548</v>
      </c>
      <c r="BA157" s="48">
        <v>2</v>
      </c>
      <c r="BB157" s="48">
        <v>2550</v>
      </c>
      <c r="BC157" s="49">
        <v>2027</v>
      </c>
      <c r="BD157" s="48">
        <v>6</v>
      </c>
      <c r="BE157" s="48">
        <v>2033</v>
      </c>
      <c r="BF157" s="49">
        <v>1213</v>
      </c>
      <c r="BG157" s="48">
        <v>0</v>
      </c>
      <c r="BH157" s="48">
        <v>1213</v>
      </c>
      <c r="BI157" s="49">
        <v>528</v>
      </c>
      <c r="BJ157" s="48">
        <v>2</v>
      </c>
      <c r="BK157" s="48">
        <v>530</v>
      </c>
      <c r="BL157" s="49">
        <v>170</v>
      </c>
      <c r="BM157" s="48">
        <v>0</v>
      </c>
      <c r="BN157" s="48">
        <v>170</v>
      </c>
      <c r="BO157" s="49">
        <v>39</v>
      </c>
      <c r="BP157" s="48">
        <v>0</v>
      </c>
      <c r="BQ157" s="48">
        <v>39</v>
      </c>
      <c r="BT157" s="66"/>
    </row>
    <row r="158" spans="1:72" x14ac:dyDescent="0.15">
      <c r="A158" s="25"/>
      <c r="B158" s="21" t="s">
        <v>29</v>
      </c>
      <c r="C158" s="67">
        <v>143421</v>
      </c>
      <c r="D158" s="37">
        <v>13263</v>
      </c>
      <c r="E158" s="38">
        <v>148</v>
      </c>
      <c r="F158" s="39">
        <v>13411</v>
      </c>
      <c r="G158" s="52">
        <v>342</v>
      </c>
      <c r="H158" s="52">
        <v>4</v>
      </c>
      <c r="I158" s="39">
        <v>346</v>
      </c>
      <c r="J158" s="52">
        <v>487</v>
      </c>
      <c r="K158" s="52">
        <v>3</v>
      </c>
      <c r="L158" s="39">
        <v>490</v>
      </c>
      <c r="M158" s="52">
        <v>535</v>
      </c>
      <c r="N158" s="52">
        <v>4</v>
      </c>
      <c r="O158" s="39">
        <v>539</v>
      </c>
      <c r="P158" s="52">
        <v>588</v>
      </c>
      <c r="Q158" s="52">
        <v>3</v>
      </c>
      <c r="R158" s="39">
        <v>591</v>
      </c>
      <c r="S158" s="52">
        <v>565</v>
      </c>
      <c r="T158" s="52">
        <v>9</v>
      </c>
      <c r="U158" s="39">
        <v>574</v>
      </c>
      <c r="V158" s="52">
        <v>448</v>
      </c>
      <c r="W158" s="52">
        <v>32</v>
      </c>
      <c r="X158" s="39">
        <v>480</v>
      </c>
      <c r="Y158" s="52">
        <v>462</v>
      </c>
      <c r="Z158" s="52">
        <v>23</v>
      </c>
      <c r="AA158" s="39">
        <v>485</v>
      </c>
      <c r="AB158" s="52">
        <v>592</v>
      </c>
      <c r="AC158" s="52">
        <v>20</v>
      </c>
      <c r="AD158" s="39">
        <v>612</v>
      </c>
      <c r="AE158" s="52">
        <v>831</v>
      </c>
      <c r="AF158" s="52">
        <v>14</v>
      </c>
      <c r="AG158" s="39">
        <v>845</v>
      </c>
      <c r="AH158" s="52">
        <v>952</v>
      </c>
      <c r="AI158" s="52">
        <v>8</v>
      </c>
      <c r="AJ158" s="39">
        <v>960</v>
      </c>
      <c r="AK158" s="52">
        <v>1119</v>
      </c>
      <c r="AL158" s="52">
        <v>7</v>
      </c>
      <c r="AM158" s="39">
        <v>1126</v>
      </c>
      <c r="AN158" s="52">
        <v>1087</v>
      </c>
      <c r="AO158" s="52">
        <v>8</v>
      </c>
      <c r="AP158" s="39">
        <v>1095</v>
      </c>
      <c r="AQ158" s="52">
        <v>897</v>
      </c>
      <c r="AR158" s="52">
        <v>5</v>
      </c>
      <c r="AS158" s="39">
        <v>902</v>
      </c>
      <c r="AT158" s="52">
        <v>867</v>
      </c>
      <c r="AU158" s="52">
        <v>4</v>
      </c>
      <c r="AV158" s="39">
        <v>871</v>
      </c>
      <c r="AW158" s="52">
        <v>969</v>
      </c>
      <c r="AX158" s="52">
        <v>2</v>
      </c>
      <c r="AY158" s="39">
        <v>971</v>
      </c>
      <c r="AZ158" s="52">
        <v>1022</v>
      </c>
      <c r="BA158" s="52">
        <v>2</v>
      </c>
      <c r="BB158" s="39">
        <v>1024</v>
      </c>
      <c r="BC158" s="52">
        <v>821</v>
      </c>
      <c r="BD158" s="52">
        <v>0</v>
      </c>
      <c r="BE158" s="39">
        <v>821</v>
      </c>
      <c r="BF158" s="52">
        <v>458</v>
      </c>
      <c r="BG158" s="52">
        <v>0</v>
      </c>
      <c r="BH158" s="39">
        <v>458</v>
      </c>
      <c r="BI158" s="52">
        <v>180</v>
      </c>
      <c r="BJ158" s="52">
        <v>0</v>
      </c>
      <c r="BK158" s="39">
        <v>180</v>
      </c>
      <c r="BL158" s="52">
        <v>41</v>
      </c>
      <c r="BM158" s="52">
        <v>0</v>
      </c>
      <c r="BN158" s="39">
        <v>41</v>
      </c>
      <c r="BO158" s="52">
        <v>0</v>
      </c>
      <c r="BP158" s="52">
        <v>0</v>
      </c>
      <c r="BQ158" s="41">
        <v>0</v>
      </c>
      <c r="BT158" s="66"/>
    </row>
    <row r="159" spans="1:72" x14ac:dyDescent="0.15">
      <c r="A159" s="25" t="s">
        <v>81</v>
      </c>
      <c r="B159" s="26" t="s">
        <v>31</v>
      </c>
      <c r="C159" s="68"/>
      <c r="D159" s="42">
        <v>14218</v>
      </c>
      <c r="E159" s="40">
        <v>123</v>
      </c>
      <c r="F159" s="43">
        <v>14341</v>
      </c>
      <c r="G159" s="52">
        <v>303</v>
      </c>
      <c r="H159" s="52">
        <v>2</v>
      </c>
      <c r="I159" s="43">
        <v>305</v>
      </c>
      <c r="J159" s="52">
        <v>456</v>
      </c>
      <c r="K159" s="52">
        <v>5</v>
      </c>
      <c r="L159" s="43">
        <v>461</v>
      </c>
      <c r="M159" s="52">
        <v>514</v>
      </c>
      <c r="N159" s="52">
        <v>3</v>
      </c>
      <c r="O159" s="43">
        <v>517</v>
      </c>
      <c r="P159" s="52">
        <v>547</v>
      </c>
      <c r="Q159" s="52">
        <v>5</v>
      </c>
      <c r="R159" s="43">
        <v>552</v>
      </c>
      <c r="S159" s="52">
        <v>561</v>
      </c>
      <c r="T159" s="52">
        <v>12</v>
      </c>
      <c r="U159" s="43">
        <v>573</v>
      </c>
      <c r="V159" s="52">
        <v>460</v>
      </c>
      <c r="W159" s="52">
        <v>20</v>
      </c>
      <c r="X159" s="43">
        <v>480</v>
      </c>
      <c r="Y159" s="52">
        <v>466</v>
      </c>
      <c r="Z159" s="52">
        <v>13</v>
      </c>
      <c r="AA159" s="43">
        <v>479</v>
      </c>
      <c r="AB159" s="52">
        <v>626</v>
      </c>
      <c r="AC159" s="52">
        <v>11</v>
      </c>
      <c r="AD159" s="43">
        <v>637</v>
      </c>
      <c r="AE159" s="52">
        <v>776</v>
      </c>
      <c r="AF159" s="52">
        <v>10</v>
      </c>
      <c r="AG159" s="43">
        <v>786</v>
      </c>
      <c r="AH159" s="52">
        <v>940</v>
      </c>
      <c r="AI159" s="52">
        <v>11</v>
      </c>
      <c r="AJ159" s="43">
        <v>951</v>
      </c>
      <c r="AK159" s="52">
        <v>1076</v>
      </c>
      <c r="AL159" s="52">
        <v>9</v>
      </c>
      <c r="AM159" s="43">
        <v>1085</v>
      </c>
      <c r="AN159" s="52">
        <v>1057</v>
      </c>
      <c r="AO159" s="52">
        <v>7</v>
      </c>
      <c r="AP159" s="43">
        <v>1064</v>
      </c>
      <c r="AQ159" s="52">
        <v>925</v>
      </c>
      <c r="AR159" s="52">
        <v>8</v>
      </c>
      <c r="AS159" s="43">
        <v>933</v>
      </c>
      <c r="AT159" s="52">
        <v>872</v>
      </c>
      <c r="AU159" s="52">
        <v>3</v>
      </c>
      <c r="AV159" s="43">
        <v>875</v>
      </c>
      <c r="AW159" s="52">
        <v>1141</v>
      </c>
      <c r="AX159" s="52">
        <v>0</v>
      </c>
      <c r="AY159" s="43">
        <v>1141</v>
      </c>
      <c r="AZ159" s="52">
        <v>1208</v>
      </c>
      <c r="BA159" s="52">
        <v>1</v>
      </c>
      <c r="BB159" s="43">
        <v>1209</v>
      </c>
      <c r="BC159" s="52">
        <v>1019</v>
      </c>
      <c r="BD159" s="52">
        <v>2</v>
      </c>
      <c r="BE159" s="43">
        <v>1021</v>
      </c>
      <c r="BF159" s="52">
        <v>717</v>
      </c>
      <c r="BG159" s="52">
        <v>1</v>
      </c>
      <c r="BH159" s="43">
        <v>718</v>
      </c>
      <c r="BI159" s="52">
        <v>389</v>
      </c>
      <c r="BJ159" s="52">
        <v>0</v>
      </c>
      <c r="BK159" s="43">
        <v>389</v>
      </c>
      <c r="BL159" s="52">
        <v>144</v>
      </c>
      <c r="BM159" s="52">
        <v>0</v>
      </c>
      <c r="BN159" s="43">
        <v>144</v>
      </c>
      <c r="BO159" s="52">
        <v>21</v>
      </c>
      <c r="BP159" s="52">
        <v>0</v>
      </c>
      <c r="BQ159" s="44">
        <v>21</v>
      </c>
      <c r="BT159" s="66"/>
    </row>
    <row r="160" spans="1:72" ht="15" thickBot="1" x14ac:dyDescent="0.2">
      <c r="A160" s="45"/>
      <c r="B160" s="32" t="s">
        <v>32</v>
      </c>
      <c r="C160" s="69"/>
      <c r="D160" s="46">
        <v>27481</v>
      </c>
      <c r="E160" s="47">
        <v>271</v>
      </c>
      <c r="F160" s="48">
        <v>27752</v>
      </c>
      <c r="G160" s="49">
        <v>645</v>
      </c>
      <c r="H160" s="48">
        <v>6</v>
      </c>
      <c r="I160" s="48">
        <v>651</v>
      </c>
      <c r="J160" s="49">
        <v>943</v>
      </c>
      <c r="K160" s="48">
        <v>8</v>
      </c>
      <c r="L160" s="48">
        <v>951</v>
      </c>
      <c r="M160" s="49">
        <v>1049</v>
      </c>
      <c r="N160" s="48">
        <v>7</v>
      </c>
      <c r="O160" s="48">
        <v>1056</v>
      </c>
      <c r="P160" s="49">
        <v>1135</v>
      </c>
      <c r="Q160" s="48">
        <v>8</v>
      </c>
      <c r="R160" s="48">
        <v>1143</v>
      </c>
      <c r="S160" s="49">
        <v>1126</v>
      </c>
      <c r="T160" s="48">
        <v>21</v>
      </c>
      <c r="U160" s="48">
        <v>1147</v>
      </c>
      <c r="V160" s="49">
        <v>908</v>
      </c>
      <c r="W160" s="48">
        <v>52</v>
      </c>
      <c r="X160" s="48">
        <v>960</v>
      </c>
      <c r="Y160" s="49">
        <v>928</v>
      </c>
      <c r="Z160" s="48">
        <v>36</v>
      </c>
      <c r="AA160" s="48">
        <v>964</v>
      </c>
      <c r="AB160" s="49">
        <v>1218</v>
      </c>
      <c r="AC160" s="48">
        <v>31</v>
      </c>
      <c r="AD160" s="48">
        <v>1249</v>
      </c>
      <c r="AE160" s="49">
        <v>1607</v>
      </c>
      <c r="AF160" s="48">
        <v>24</v>
      </c>
      <c r="AG160" s="48">
        <v>1631</v>
      </c>
      <c r="AH160" s="49">
        <v>1892</v>
      </c>
      <c r="AI160" s="48">
        <v>19</v>
      </c>
      <c r="AJ160" s="48">
        <v>1911</v>
      </c>
      <c r="AK160" s="49">
        <v>2195</v>
      </c>
      <c r="AL160" s="48">
        <v>16</v>
      </c>
      <c r="AM160" s="48">
        <v>2211</v>
      </c>
      <c r="AN160" s="49">
        <v>2144</v>
      </c>
      <c r="AO160" s="48">
        <v>15</v>
      </c>
      <c r="AP160" s="48">
        <v>2159</v>
      </c>
      <c r="AQ160" s="49">
        <v>1822</v>
      </c>
      <c r="AR160" s="48">
        <v>13</v>
      </c>
      <c r="AS160" s="48">
        <v>1835</v>
      </c>
      <c r="AT160" s="49">
        <v>1739</v>
      </c>
      <c r="AU160" s="48">
        <v>7</v>
      </c>
      <c r="AV160" s="48">
        <v>1746</v>
      </c>
      <c r="AW160" s="49">
        <v>2110</v>
      </c>
      <c r="AX160" s="48">
        <v>2</v>
      </c>
      <c r="AY160" s="48">
        <v>2112</v>
      </c>
      <c r="AZ160" s="49">
        <v>2230</v>
      </c>
      <c r="BA160" s="48">
        <v>3</v>
      </c>
      <c r="BB160" s="48">
        <v>2233</v>
      </c>
      <c r="BC160" s="49">
        <v>1840</v>
      </c>
      <c r="BD160" s="48">
        <v>2</v>
      </c>
      <c r="BE160" s="48">
        <v>1842</v>
      </c>
      <c r="BF160" s="49">
        <v>1175</v>
      </c>
      <c r="BG160" s="48">
        <v>1</v>
      </c>
      <c r="BH160" s="48">
        <v>1176</v>
      </c>
      <c r="BI160" s="49">
        <v>569</v>
      </c>
      <c r="BJ160" s="48">
        <v>0</v>
      </c>
      <c r="BK160" s="48">
        <v>569</v>
      </c>
      <c r="BL160" s="49">
        <v>185</v>
      </c>
      <c r="BM160" s="48">
        <v>0</v>
      </c>
      <c r="BN160" s="48">
        <v>185</v>
      </c>
      <c r="BO160" s="49">
        <v>21</v>
      </c>
      <c r="BP160" s="48">
        <v>0</v>
      </c>
      <c r="BQ160" s="50">
        <v>21</v>
      </c>
      <c r="BT160" s="66"/>
    </row>
    <row r="161" spans="1:72" x14ac:dyDescent="0.15">
      <c r="A161" s="25"/>
      <c r="B161" s="21" t="s">
        <v>29</v>
      </c>
      <c r="C161" s="67">
        <v>143618</v>
      </c>
      <c r="D161" s="37">
        <v>4275</v>
      </c>
      <c r="E161" s="38">
        <v>216</v>
      </c>
      <c r="F161" s="39">
        <v>4491</v>
      </c>
      <c r="G161" s="52">
        <v>80</v>
      </c>
      <c r="H161" s="52">
        <v>7</v>
      </c>
      <c r="I161" s="39">
        <v>87</v>
      </c>
      <c r="J161" s="52">
        <v>122</v>
      </c>
      <c r="K161" s="52">
        <v>6</v>
      </c>
      <c r="L161" s="39">
        <v>128</v>
      </c>
      <c r="M161" s="52">
        <v>146</v>
      </c>
      <c r="N161" s="52">
        <v>11</v>
      </c>
      <c r="O161" s="39">
        <v>157</v>
      </c>
      <c r="P161" s="52">
        <v>201</v>
      </c>
      <c r="Q161" s="52">
        <v>11</v>
      </c>
      <c r="R161" s="39">
        <v>212</v>
      </c>
      <c r="S161" s="52">
        <v>217</v>
      </c>
      <c r="T161" s="52">
        <v>36</v>
      </c>
      <c r="U161" s="39">
        <v>253</v>
      </c>
      <c r="V161" s="52">
        <v>153</v>
      </c>
      <c r="W161" s="52">
        <v>38</v>
      </c>
      <c r="X161" s="39">
        <v>191</v>
      </c>
      <c r="Y161" s="52">
        <v>146</v>
      </c>
      <c r="Z161" s="52">
        <v>29</v>
      </c>
      <c r="AA161" s="39">
        <v>175</v>
      </c>
      <c r="AB161" s="52">
        <v>178</v>
      </c>
      <c r="AC161" s="52">
        <v>21</v>
      </c>
      <c r="AD161" s="39">
        <v>199</v>
      </c>
      <c r="AE161" s="52">
        <v>267</v>
      </c>
      <c r="AF161" s="52">
        <v>15</v>
      </c>
      <c r="AG161" s="39">
        <v>282</v>
      </c>
      <c r="AH161" s="52">
        <v>348</v>
      </c>
      <c r="AI161" s="52">
        <v>10</v>
      </c>
      <c r="AJ161" s="39">
        <v>358</v>
      </c>
      <c r="AK161" s="52">
        <v>391</v>
      </c>
      <c r="AL161" s="52">
        <v>13</v>
      </c>
      <c r="AM161" s="39">
        <v>404</v>
      </c>
      <c r="AN161" s="52">
        <v>306</v>
      </c>
      <c r="AO161" s="52">
        <v>7</v>
      </c>
      <c r="AP161" s="39">
        <v>313</v>
      </c>
      <c r="AQ161" s="52">
        <v>234</v>
      </c>
      <c r="AR161" s="52">
        <v>10</v>
      </c>
      <c r="AS161" s="39">
        <v>244</v>
      </c>
      <c r="AT161" s="52">
        <v>301</v>
      </c>
      <c r="AU161" s="52">
        <v>1</v>
      </c>
      <c r="AV161" s="39">
        <v>302</v>
      </c>
      <c r="AW161" s="52">
        <v>397</v>
      </c>
      <c r="AX161" s="52">
        <v>0</v>
      </c>
      <c r="AY161" s="39">
        <v>397</v>
      </c>
      <c r="AZ161" s="52">
        <v>387</v>
      </c>
      <c r="BA161" s="52">
        <v>1</v>
      </c>
      <c r="BB161" s="39">
        <v>388</v>
      </c>
      <c r="BC161" s="52">
        <v>246</v>
      </c>
      <c r="BD161" s="52">
        <v>0</v>
      </c>
      <c r="BE161" s="39">
        <v>246</v>
      </c>
      <c r="BF161" s="52">
        <v>99</v>
      </c>
      <c r="BG161" s="52">
        <v>0</v>
      </c>
      <c r="BH161" s="39">
        <v>99</v>
      </c>
      <c r="BI161" s="52">
        <v>44</v>
      </c>
      <c r="BJ161" s="52">
        <v>0</v>
      </c>
      <c r="BK161" s="39">
        <v>44</v>
      </c>
      <c r="BL161" s="52">
        <v>12</v>
      </c>
      <c r="BM161" s="52">
        <v>0</v>
      </c>
      <c r="BN161" s="39">
        <v>12</v>
      </c>
      <c r="BO161" s="52">
        <v>0</v>
      </c>
      <c r="BP161" s="52">
        <v>0</v>
      </c>
      <c r="BQ161" s="39">
        <v>0</v>
      </c>
      <c r="BT161" s="66"/>
    </row>
    <row r="162" spans="1:72" x14ac:dyDescent="0.15">
      <c r="A162" s="25" t="s">
        <v>82</v>
      </c>
      <c r="B162" s="26" t="s">
        <v>31</v>
      </c>
      <c r="C162" s="68"/>
      <c r="D162" s="42">
        <v>4256</v>
      </c>
      <c r="E162" s="40">
        <v>185</v>
      </c>
      <c r="F162" s="43">
        <v>4441</v>
      </c>
      <c r="G162" s="52">
        <v>78</v>
      </c>
      <c r="H162" s="52">
        <v>12</v>
      </c>
      <c r="I162" s="43">
        <v>90</v>
      </c>
      <c r="J162" s="52">
        <v>121</v>
      </c>
      <c r="K162" s="52">
        <v>9</v>
      </c>
      <c r="L162" s="43">
        <v>130</v>
      </c>
      <c r="M162" s="52">
        <v>144</v>
      </c>
      <c r="N162" s="52">
        <v>9</v>
      </c>
      <c r="O162" s="43">
        <v>153</v>
      </c>
      <c r="P162" s="52">
        <v>208</v>
      </c>
      <c r="Q162" s="52">
        <v>14</v>
      </c>
      <c r="R162" s="43">
        <v>222</v>
      </c>
      <c r="S162" s="52">
        <v>172</v>
      </c>
      <c r="T162" s="52">
        <v>18</v>
      </c>
      <c r="U162" s="43">
        <v>190</v>
      </c>
      <c r="V162" s="52">
        <v>120</v>
      </c>
      <c r="W162" s="52">
        <v>15</v>
      </c>
      <c r="X162" s="43">
        <v>135</v>
      </c>
      <c r="Y162" s="52">
        <v>120</v>
      </c>
      <c r="Z162" s="52">
        <v>16</v>
      </c>
      <c r="AA162" s="43">
        <v>136</v>
      </c>
      <c r="AB162" s="52">
        <v>162</v>
      </c>
      <c r="AC162" s="52">
        <v>15</v>
      </c>
      <c r="AD162" s="43">
        <v>177</v>
      </c>
      <c r="AE162" s="52">
        <v>213</v>
      </c>
      <c r="AF162" s="52">
        <v>14</v>
      </c>
      <c r="AG162" s="43">
        <v>227</v>
      </c>
      <c r="AH162" s="52">
        <v>320</v>
      </c>
      <c r="AI162" s="52">
        <v>24</v>
      </c>
      <c r="AJ162" s="43">
        <v>344</v>
      </c>
      <c r="AK162" s="52">
        <v>333</v>
      </c>
      <c r="AL162" s="52">
        <v>12</v>
      </c>
      <c r="AM162" s="43">
        <v>345</v>
      </c>
      <c r="AN162" s="52">
        <v>276</v>
      </c>
      <c r="AO162" s="52">
        <v>13</v>
      </c>
      <c r="AP162" s="43">
        <v>289</v>
      </c>
      <c r="AQ162" s="52">
        <v>249</v>
      </c>
      <c r="AR162" s="52">
        <v>8</v>
      </c>
      <c r="AS162" s="43">
        <v>257</v>
      </c>
      <c r="AT162" s="52">
        <v>314</v>
      </c>
      <c r="AU162" s="52">
        <v>5</v>
      </c>
      <c r="AV162" s="43">
        <v>319</v>
      </c>
      <c r="AW162" s="52">
        <v>451</v>
      </c>
      <c r="AX162" s="52">
        <v>0</v>
      </c>
      <c r="AY162" s="43">
        <v>451</v>
      </c>
      <c r="AZ162" s="52">
        <v>397</v>
      </c>
      <c r="BA162" s="52">
        <v>1</v>
      </c>
      <c r="BB162" s="43">
        <v>398</v>
      </c>
      <c r="BC162" s="52">
        <v>290</v>
      </c>
      <c r="BD162" s="52">
        <v>0</v>
      </c>
      <c r="BE162" s="43">
        <v>290</v>
      </c>
      <c r="BF162" s="52">
        <v>167</v>
      </c>
      <c r="BG162" s="52">
        <v>0</v>
      </c>
      <c r="BH162" s="43">
        <v>167</v>
      </c>
      <c r="BI162" s="52">
        <v>78</v>
      </c>
      <c r="BJ162" s="52">
        <v>0</v>
      </c>
      <c r="BK162" s="43">
        <v>78</v>
      </c>
      <c r="BL162" s="52">
        <v>37</v>
      </c>
      <c r="BM162" s="52">
        <v>0</v>
      </c>
      <c r="BN162" s="43">
        <v>37</v>
      </c>
      <c r="BO162" s="52">
        <v>6</v>
      </c>
      <c r="BP162" s="52">
        <v>0</v>
      </c>
      <c r="BQ162" s="43">
        <v>6</v>
      </c>
      <c r="BT162" s="66"/>
    </row>
    <row r="163" spans="1:72" ht="15" thickBot="1" x14ac:dyDescent="0.2">
      <c r="A163" s="45"/>
      <c r="B163" s="32" t="s">
        <v>32</v>
      </c>
      <c r="C163" s="69"/>
      <c r="D163" s="46">
        <v>8531</v>
      </c>
      <c r="E163" s="47">
        <v>401</v>
      </c>
      <c r="F163" s="48">
        <v>8932</v>
      </c>
      <c r="G163" s="49">
        <v>158</v>
      </c>
      <c r="H163" s="48">
        <v>19</v>
      </c>
      <c r="I163" s="48">
        <v>177</v>
      </c>
      <c r="J163" s="49">
        <v>243</v>
      </c>
      <c r="K163" s="48">
        <v>15</v>
      </c>
      <c r="L163" s="48">
        <v>258</v>
      </c>
      <c r="M163" s="49">
        <v>290</v>
      </c>
      <c r="N163" s="48">
        <v>20</v>
      </c>
      <c r="O163" s="48">
        <v>310</v>
      </c>
      <c r="P163" s="49">
        <v>409</v>
      </c>
      <c r="Q163" s="48">
        <v>25</v>
      </c>
      <c r="R163" s="48">
        <v>434</v>
      </c>
      <c r="S163" s="49">
        <v>389</v>
      </c>
      <c r="T163" s="48">
        <v>54</v>
      </c>
      <c r="U163" s="48">
        <v>443</v>
      </c>
      <c r="V163" s="49">
        <v>273</v>
      </c>
      <c r="W163" s="48">
        <v>53</v>
      </c>
      <c r="X163" s="48">
        <v>326</v>
      </c>
      <c r="Y163" s="49">
        <v>266</v>
      </c>
      <c r="Z163" s="48">
        <v>45</v>
      </c>
      <c r="AA163" s="48">
        <v>311</v>
      </c>
      <c r="AB163" s="49">
        <v>340</v>
      </c>
      <c r="AC163" s="48">
        <v>36</v>
      </c>
      <c r="AD163" s="48">
        <v>376</v>
      </c>
      <c r="AE163" s="49">
        <v>480</v>
      </c>
      <c r="AF163" s="48">
        <v>29</v>
      </c>
      <c r="AG163" s="48">
        <v>509</v>
      </c>
      <c r="AH163" s="49">
        <v>668</v>
      </c>
      <c r="AI163" s="48">
        <v>34</v>
      </c>
      <c r="AJ163" s="48">
        <v>702</v>
      </c>
      <c r="AK163" s="49">
        <v>724</v>
      </c>
      <c r="AL163" s="48">
        <v>25</v>
      </c>
      <c r="AM163" s="48">
        <v>749</v>
      </c>
      <c r="AN163" s="49">
        <v>582</v>
      </c>
      <c r="AO163" s="48">
        <v>20</v>
      </c>
      <c r="AP163" s="48">
        <v>602</v>
      </c>
      <c r="AQ163" s="49">
        <v>483</v>
      </c>
      <c r="AR163" s="48">
        <v>18</v>
      </c>
      <c r="AS163" s="48">
        <v>501</v>
      </c>
      <c r="AT163" s="49">
        <v>615</v>
      </c>
      <c r="AU163" s="48">
        <v>6</v>
      </c>
      <c r="AV163" s="48">
        <v>621</v>
      </c>
      <c r="AW163" s="49">
        <v>848</v>
      </c>
      <c r="AX163" s="48">
        <v>0</v>
      </c>
      <c r="AY163" s="48">
        <v>848</v>
      </c>
      <c r="AZ163" s="49">
        <v>784</v>
      </c>
      <c r="BA163" s="48">
        <v>2</v>
      </c>
      <c r="BB163" s="48">
        <v>786</v>
      </c>
      <c r="BC163" s="49">
        <v>536</v>
      </c>
      <c r="BD163" s="48">
        <v>0</v>
      </c>
      <c r="BE163" s="48">
        <v>536</v>
      </c>
      <c r="BF163" s="49">
        <v>266</v>
      </c>
      <c r="BG163" s="48">
        <v>0</v>
      </c>
      <c r="BH163" s="48">
        <v>266</v>
      </c>
      <c r="BI163" s="49">
        <v>122</v>
      </c>
      <c r="BJ163" s="48">
        <v>0</v>
      </c>
      <c r="BK163" s="48">
        <v>122</v>
      </c>
      <c r="BL163" s="49">
        <v>49</v>
      </c>
      <c r="BM163" s="48">
        <v>0</v>
      </c>
      <c r="BN163" s="48">
        <v>49</v>
      </c>
      <c r="BO163" s="49">
        <v>6</v>
      </c>
      <c r="BP163" s="48">
        <v>0</v>
      </c>
      <c r="BQ163" s="48">
        <v>6</v>
      </c>
      <c r="BT163" s="66"/>
    </row>
    <row r="164" spans="1:72" x14ac:dyDescent="0.15">
      <c r="A164" s="25"/>
      <c r="B164" s="21" t="s">
        <v>29</v>
      </c>
      <c r="C164" s="67">
        <v>143626</v>
      </c>
      <c r="D164" s="37">
        <v>8559</v>
      </c>
      <c r="E164" s="38">
        <v>84</v>
      </c>
      <c r="F164" s="39">
        <v>8643</v>
      </c>
      <c r="G164" s="52">
        <v>297</v>
      </c>
      <c r="H164" s="52">
        <v>2</v>
      </c>
      <c r="I164" s="39">
        <v>299</v>
      </c>
      <c r="J164" s="52">
        <v>347</v>
      </c>
      <c r="K164" s="52">
        <v>3</v>
      </c>
      <c r="L164" s="39">
        <v>350</v>
      </c>
      <c r="M164" s="52">
        <v>341</v>
      </c>
      <c r="N164" s="52">
        <v>2</v>
      </c>
      <c r="O164" s="39">
        <v>343</v>
      </c>
      <c r="P164" s="52">
        <v>461</v>
      </c>
      <c r="Q164" s="52">
        <v>1</v>
      </c>
      <c r="R164" s="39">
        <v>462</v>
      </c>
      <c r="S164" s="52">
        <v>440</v>
      </c>
      <c r="T164" s="52">
        <v>9</v>
      </c>
      <c r="U164" s="39">
        <v>449</v>
      </c>
      <c r="V164" s="52">
        <v>401</v>
      </c>
      <c r="W164" s="52">
        <v>21</v>
      </c>
      <c r="X164" s="39">
        <v>422</v>
      </c>
      <c r="Y164" s="52">
        <v>407</v>
      </c>
      <c r="Z164" s="52">
        <v>10</v>
      </c>
      <c r="AA164" s="39">
        <v>417</v>
      </c>
      <c r="AB164" s="52">
        <v>428</v>
      </c>
      <c r="AC164" s="52">
        <v>13</v>
      </c>
      <c r="AD164" s="39">
        <v>441</v>
      </c>
      <c r="AE164" s="52">
        <v>521</v>
      </c>
      <c r="AF164" s="52">
        <v>10</v>
      </c>
      <c r="AG164" s="39">
        <v>531</v>
      </c>
      <c r="AH164" s="52">
        <v>710</v>
      </c>
      <c r="AI164" s="52">
        <v>3</v>
      </c>
      <c r="AJ164" s="39">
        <v>713</v>
      </c>
      <c r="AK164" s="52">
        <v>828</v>
      </c>
      <c r="AL164" s="52">
        <v>4</v>
      </c>
      <c r="AM164" s="39">
        <v>832</v>
      </c>
      <c r="AN164" s="52">
        <v>641</v>
      </c>
      <c r="AO164" s="52">
        <v>2</v>
      </c>
      <c r="AP164" s="39">
        <v>643</v>
      </c>
      <c r="AQ164" s="52">
        <v>504</v>
      </c>
      <c r="AR164" s="52">
        <v>1</v>
      </c>
      <c r="AS164" s="39">
        <v>505</v>
      </c>
      <c r="AT164" s="52">
        <v>470</v>
      </c>
      <c r="AU164" s="52">
        <v>2</v>
      </c>
      <c r="AV164" s="39">
        <v>472</v>
      </c>
      <c r="AW164" s="52">
        <v>581</v>
      </c>
      <c r="AX164" s="52">
        <v>0</v>
      </c>
      <c r="AY164" s="39">
        <v>581</v>
      </c>
      <c r="AZ164" s="52">
        <v>547</v>
      </c>
      <c r="BA164" s="52">
        <v>0</v>
      </c>
      <c r="BB164" s="39">
        <v>547</v>
      </c>
      <c r="BC164" s="52">
        <v>374</v>
      </c>
      <c r="BD164" s="52">
        <v>0</v>
      </c>
      <c r="BE164" s="39">
        <v>374</v>
      </c>
      <c r="BF164" s="52">
        <v>178</v>
      </c>
      <c r="BG164" s="52">
        <v>0</v>
      </c>
      <c r="BH164" s="39">
        <v>178</v>
      </c>
      <c r="BI164" s="52">
        <v>70</v>
      </c>
      <c r="BJ164" s="52">
        <v>1</v>
      </c>
      <c r="BK164" s="39">
        <v>71</v>
      </c>
      <c r="BL164" s="52">
        <v>10</v>
      </c>
      <c r="BM164" s="52">
        <v>0</v>
      </c>
      <c r="BN164" s="39">
        <v>10</v>
      </c>
      <c r="BO164" s="52">
        <v>3</v>
      </c>
      <c r="BP164" s="52">
        <v>0</v>
      </c>
      <c r="BQ164" s="41">
        <v>3</v>
      </c>
      <c r="BT164" s="66"/>
    </row>
    <row r="165" spans="1:72" x14ac:dyDescent="0.15">
      <c r="A165" s="25" t="s">
        <v>83</v>
      </c>
      <c r="B165" s="26" t="s">
        <v>31</v>
      </c>
      <c r="C165" s="68"/>
      <c r="D165" s="42">
        <v>8735</v>
      </c>
      <c r="E165" s="40">
        <v>95</v>
      </c>
      <c r="F165" s="43">
        <v>8830</v>
      </c>
      <c r="G165" s="52">
        <v>304</v>
      </c>
      <c r="H165" s="52">
        <v>1</v>
      </c>
      <c r="I165" s="43">
        <v>305</v>
      </c>
      <c r="J165" s="52">
        <v>307</v>
      </c>
      <c r="K165" s="52">
        <v>3</v>
      </c>
      <c r="L165" s="43">
        <v>310</v>
      </c>
      <c r="M165" s="52">
        <v>373</v>
      </c>
      <c r="N165" s="52">
        <v>4</v>
      </c>
      <c r="O165" s="43">
        <v>377</v>
      </c>
      <c r="P165" s="52">
        <v>421</v>
      </c>
      <c r="Q165" s="52">
        <v>0</v>
      </c>
      <c r="R165" s="43">
        <v>421</v>
      </c>
      <c r="S165" s="52">
        <v>443</v>
      </c>
      <c r="T165" s="52">
        <v>4</v>
      </c>
      <c r="U165" s="43">
        <v>447</v>
      </c>
      <c r="V165" s="52">
        <v>397</v>
      </c>
      <c r="W165" s="52">
        <v>18</v>
      </c>
      <c r="X165" s="43">
        <v>415</v>
      </c>
      <c r="Y165" s="52">
        <v>354</v>
      </c>
      <c r="Z165" s="52">
        <v>12</v>
      </c>
      <c r="AA165" s="43">
        <v>366</v>
      </c>
      <c r="AB165" s="52">
        <v>401</v>
      </c>
      <c r="AC165" s="52">
        <v>9</v>
      </c>
      <c r="AD165" s="43">
        <v>410</v>
      </c>
      <c r="AE165" s="52">
        <v>503</v>
      </c>
      <c r="AF165" s="52">
        <v>9</v>
      </c>
      <c r="AG165" s="43">
        <v>512</v>
      </c>
      <c r="AH165" s="52">
        <v>662</v>
      </c>
      <c r="AI165" s="52">
        <v>8</v>
      </c>
      <c r="AJ165" s="43">
        <v>670</v>
      </c>
      <c r="AK165" s="52">
        <v>726</v>
      </c>
      <c r="AL165" s="52">
        <v>9</v>
      </c>
      <c r="AM165" s="43">
        <v>735</v>
      </c>
      <c r="AN165" s="52">
        <v>605</v>
      </c>
      <c r="AO165" s="52">
        <v>4</v>
      </c>
      <c r="AP165" s="43">
        <v>609</v>
      </c>
      <c r="AQ165" s="52">
        <v>492</v>
      </c>
      <c r="AR165" s="52">
        <v>7</v>
      </c>
      <c r="AS165" s="43">
        <v>499</v>
      </c>
      <c r="AT165" s="52">
        <v>456</v>
      </c>
      <c r="AU165" s="52">
        <v>2</v>
      </c>
      <c r="AV165" s="43">
        <v>458</v>
      </c>
      <c r="AW165" s="52">
        <v>664</v>
      </c>
      <c r="AX165" s="52">
        <v>1</v>
      </c>
      <c r="AY165" s="43">
        <v>665</v>
      </c>
      <c r="AZ165" s="52">
        <v>621</v>
      </c>
      <c r="BA165" s="52">
        <v>1</v>
      </c>
      <c r="BB165" s="43">
        <v>622</v>
      </c>
      <c r="BC165" s="52">
        <v>511</v>
      </c>
      <c r="BD165" s="52">
        <v>2</v>
      </c>
      <c r="BE165" s="43">
        <v>513</v>
      </c>
      <c r="BF165" s="52">
        <v>308</v>
      </c>
      <c r="BG165" s="52">
        <v>0</v>
      </c>
      <c r="BH165" s="43">
        <v>308</v>
      </c>
      <c r="BI165" s="52">
        <v>122</v>
      </c>
      <c r="BJ165" s="52">
        <v>1</v>
      </c>
      <c r="BK165" s="43">
        <v>123</v>
      </c>
      <c r="BL165" s="52">
        <v>54</v>
      </c>
      <c r="BM165" s="52">
        <v>0</v>
      </c>
      <c r="BN165" s="43">
        <v>54</v>
      </c>
      <c r="BO165" s="52">
        <v>11</v>
      </c>
      <c r="BP165" s="52">
        <v>0</v>
      </c>
      <c r="BQ165" s="44">
        <v>11</v>
      </c>
      <c r="BT165" s="66"/>
    </row>
    <row r="166" spans="1:72" ht="15" thickBot="1" x14ac:dyDescent="0.2">
      <c r="A166" s="45"/>
      <c r="B166" s="32" t="s">
        <v>32</v>
      </c>
      <c r="C166" s="69"/>
      <c r="D166" s="46">
        <v>17294</v>
      </c>
      <c r="E166" s="47">
        <v>179</v>
      </c>
      <c r="F166" s="48">
        <v>17473</v>
      </c>
      <c r="G166" s="49">
        <v>601</v>
      </c>
      <c r="H166" s="48">
        <v>3</v>
      </c>
      <c r="I166" s="48">
        <v>604</v>
      </c>
      <c r="J166" s="49">
        <v>654</v>
      </c>
      <c r="K166" s="48">
        <v>6</v>
      </c>
      <c r="L166" s="48">
        <v>660</v>
      </c>
      <c r="M166" s="49">
        <v>714</v>
      </c>
      <c r="N166" s="48">
        <v>6</v>
      </c>
      <c r="O166" s="48">
        <v>720</v>
      </c>
      <c r="P166" s="49">
        <v>882</v>
      </c>
      <c r="Q166" s="48">
        <v>1</v>
      </c>
      <c r="R166" s="48">
        <v>883</v>
      </c>
      <c r="S166" s="49">
        <v>883</v>
      </c>
      <c r="T166" s="48">
        <v>13</v>
      </c>
      <c r="U166" s="48">
        <v>896</v>
      </c>
      <c r="V166" s="49">
        <v>798</v>
      </c>
      <c r="W166" s="48">
        <v>39</v>
      </c>
      <c r="X166" s="48">
        <v>837</v>
      </c>
      <c r="Y166" s="49">
        <v>761</v>
      </c>
      <c r="Z166" s="48">
        <v>22</v>
      </c>
      <c r="AA166" s="48">
        <v>783</v>
      </c>
      <c r="AB166" s="49">
        <v>829</v>
      </c>
      <c r="AC166" s="48">
        <v>22</v>
      </c>
      <c r="AD166" s="48">
        <v>851</v>
      </c>
      <c r="AE166" s="49">
        <v>1024</v>
      </c>
      <c r="AF166" s="48">
        <v>19</v>
      </c>
      <c r="AG166" s="48">
        <v>1043</v>
      </c>
      <c r="AH166" s="49">
        <v>1372</v>
      </c>
      <c r="AI166" s="48">
        <v>11</v>
      </c>
      <c r="AJ166" s="48">
        <v>1383</v>
      </c>
      <c r="AK166" s="49">
        <v>1554</v>
      </c>
      <c r="AL166" s="48">
        <v>13</v>
      </c>
      <c r="AM166" s="48">
        <v>1567</v>
      </c>
      <c r="AN166" s="49">
        <v>1246</v>
      </c>
      <c r="AO166" s="48">
        <v>6</v>
      </c>
      <c r="AP166" s="48">
        <v>1252</v>
      </c>
      <c r="AQ166" s="49">
        <v>996</v>
      </c>
      <c r="AR166" s="48">
        <v>8</v>
      </c>
      <c r="AS166" s="48">
        <v>1004</v>
      </c>
      <c r="AT166" s="49">
        <v>926</v>
      </c>
      <c r="AU166" s="48">
        <v>4</v>
      </c>
      <c r="AV166" s="48">
        <v>930</v>
      </c>
      <c r="AW166" s="49">
        <v>1245</v>
      </c>
      <c r="AX166" s="48">
        <v>1</v>
      </c>
      <c r="AY166" s="48">
        <v>1246</v>
      </c>
      <c r="AZ166" s="49">
        <v>1168</v>
      </c>
      <c r="BA166" s="48">
        <v>1</v>
      </c>
      <c r="BB166" s="48">
        <v>1169</v>
      </c>
      <c r="BC166" s="49">
        <v>885</v>
      </c>
      <c r="BD166" s="48">
        <v>2</v>
      </c>
      <c r="BE166" s="48">
        <v>887</v>
      </c>
      <c r="BF166" s="49">
        <v>486</v>
      </c>
      <c r="BG166" s="48">
        <v>0</v>
      </c>
      <c r="BH166" s="48">
        <v>486</v>
      </c>
      <c r="BI166" s="49">
        <v>192</v>
      </c>
      <c r="BJ166" s="48">
        <v>2</v>
      </c>
      <c r="BK166" s="48">
        <v>194</v>
      </c>
      <c r="BL166" s="49">
        <v>64</v>
      </c>
      <c r="BM166" s="48">
        <v>0</v>
      </c>
      <c r="BN166" s="48">
        <v>64</v>
      </c>
      <c r="BO166" s="49">
        <v>14</v>
      </c>
      <c r="BP166" s="48">
        <v>0</v>
      </c>
      <c r="BQ166" s="50">
        <v>14</v>
      </c>
      <c r="BT166" s="66"/>
    </row>
    <row r="167" spans="1:72" x14ac:dyDescent="0.15">
      <c r="A167" s="20"/>
      <c r="B167" s="21" t="s">
        <v>29</v>
      </c>
      <c r="C167" s="67">
        <v>143634</v>
      </c>
      <c r="D167" s="37">
        <v>5131</v>
      </c>
      <c r="E167" s="38">
        <v>52</v>
      </c>
      <c r="F167" s="39">
        <v>5183</v>
      </c>
      <c r="G167" s="52">
        <v>119</v>
      </c>
      <c r="H167" s="52">
        <v>3</v>
      </c>
      <c r="I167" s="39">
        <v>122</v>
      </c>
      <c r="J167" s="52">
        <v>196</v>
      </c>
      <c r="K167" s="52">
        <v>0</v>
      </c>
      <c r="L167" s="39">
        <v>196</v>
      </c>
      <c r="M167" s="52">
        <v>184</v>
      </c>
      <c r="N167" s="52">
        <v>1</v>
      </c>
      <c r="O167" s="39">
        <v>185</v>
      </c>
      <c r="P167" s="52">
        <v>198</v>
      </c>
      <c r="Q167" s="52">
        <v>1</v>
      </c>
      <c r="R167" s="39">
        <v>199</v>
      </c>
      <c r="S167" s="52">
        <v>230</v>
      </c>
      <c r="T167" s="52">
        <v>5</v>
      </c>
      <c r="U167" s="39">
        <v>235</v>
      </c>
      <c r="V167" s="52">
        <v>217</v>
      </c>
      <c r="W167" s="52">
        <v>15</v>
      </c>
      <c r="X167" s="39">
        <v>232</v>
      </c>
      <c r="Y167" s="52">
        <v>226</v>
      </c>
      <c r="Z167" s="52">
        <v>7</v>
      </c>
      <c r="AA167" s="39">
        <v>233</v>
      </c>
      <c r="AB167" s="52">
        <v>265</v>
      </c>
      <c r="AC167" s="52">
        <v>4</v>
      </c>
      <c r="AD167" s="39">
        <v>269</v>
      </c>
      <c r="AE167" s="52">
        <v>293</v>
      </c>
      <c r="AF167" s="52">
        <v>6</v>
      </c>
      <c r="AG167" s="39">
        <v>299</v>
      </c>
      <c r="AH167" s="52">
        <v>346</v>
      </c>
      <c r="AI167" s="52">
        <v>1</v>
      </c>
      <c r="AJ167" s="39">
        <v>347</v>
      </c>
      <c r="AK167" s="52">
        <v>446</v>
      </c>
      <c r="AL167" s="52">
        <v>4</v>
      </c>
      <c r="AM167" s="39">
        <v>450</v>
      </c>
      <c r="AN167" s="52">
        <v>401</v>
      </c>
      <c r="AO167" s="52">
        <v>5</v>
      </c>
      <c r="AP167" s="39">
        <v>406</v>
      </c>
      <c r="AQ167" s="52">
        <v>372</v>
      </c>
      <c r="AR167" s="52">
        <v>0</v>
      </c>
      <c r="AS167" s="39">
        <v>372</v>
      </c>
      <c r="AT167" s="52">
        <v>366</v>
      </c>
      <c r="AU167" s="52">
        <v>0</v>
      </c>
      <c r="AV167" s="39">
        <v>366</v>
      </c>
      <c r="AW167" s="52">
        <v>414</v>
      </c>
      <c r="AX167" s="52">
        <v>0</v>
      </c>
      <c r="AY167" s="39">
        <v>414</v>
      </c>
      <c r="AZ167" s="52">
        <v>357</v>
      </c>
      <c r="BA167" s="52">
        <v>0</v>
      </c>
      <c r="BB167" s="39">
        <v>357</v>
      </c>
      <c r="BC167" s="52">
        <v>274</v>
      </c>
      <c r="BD167" s="52">
        <v>0</v>
      </c>
      <c r="BE167" s="39">
        <v>274</v>
      </c>
      <c r="BF167" s="52">
        <v>155</v>
      </c>
      <c r="BG167" s="52">
        <v>0</v>
      </c>
      <c r="BH167" s="39">
        <v>155</v>
      </c>
      <c r="BI167" s="52">
        <v>56</v>
      </c>
      <c r="BJ167" s="52">
        <v>0</v>
      </c>
      <c r="BK167" s="39">
        <v>56</v>
      </c>
      <c r="BL167" s="52">
        <v>15</v>
      </c>
      <c r="BM167" s="52">
        <v>0</v>
      </c>
      <c r="BN167" s="39">
        <v>15</v>
      </c>
      <c r="BO167" s="52">
        <v>1</v>
      </c>
      <c r="BP167" s="52">
        <v>0</v>
      </c>
      <c r="BQ167" s="41">
        <v>1</v>
      </c>
      <c r="BT167" s="66"/>
    </row>
    <row r="168" spans="1:72" x14ac:dyDescent="0.15">
      <c r="A168" s="20" t="s">
        <v>84</v>
      </c>
      <c r="B168" s="26" t="s">
        <v>31</v>
      </c>
      <c r="C168" s="68"/>
      <c r="D168" s="42">
        <v>5199</v>
      </c>
      <c r="E168" s="40">
        <v>105</v>
      </c>
      <c r="F168" s="43">
        <v>5304</v>
      </c>
      <c r="G168" s="52">
        <v>133</v>
      </c>
      <c r="H168" s="52">
        <v>0</v>
      </c>
      <c r="I168" s="43">
        <v>133</v>
      </c>
      <c r="J168" s="52">
        <v>156</v>
      </c>
      <c r="K168" s="52">
        <v>0</v>
      </c>
      <c r="L168" s="43">
        <v>156</v>
      </c>
      <c r="M168" s="52">
        <v>179</v>
      </c>
      <c r="N168" s="52">
        <v>0</v>
      </c>
      <c r="O168" s="43">
        <v>179</v>
      </c>
      <c r="P168" s="52">
        <v>179</v>
      </c>
      <c r="Q168" s="52">
        <v>22</v>
      </c>
      <c r="R168" s="43">
        <v>201</v>
      </c>
      <c r="S168" s="52">
        <v>199</v>
      </c>
      <c r="T168" s="52">
        <v>21</v>
      </c>
      <c r="U168" s="43">
        <v>220</v>
      </c>
      <c r="V168" s="52">
        <v>190</v>
      </c>
      <c r="W168" s="52">
        <v>18</v>
      </c>
      <c r="X168" s="43">
        <v>208</v>
      </c>
      <c r="Y168" s="52">
        <v>179</v>
      </c>
      <c r="Z168" s="52">
        <v>4</v>
      </c>
      <c r="AA168" s="43">
        <v>183</v>
      </c>
      <c r="AB168" s="52">
        <v>248</v>
      </c>
      <c r="AC168" s="52">
        <v>6</v>
      </c>
      <c r="AD168" s="43">
        <v>254</v>
      </c>
      <c r="AE168" s="52">
        <v>251</v>
      </c>
      <c r="AF168" s="52">
        <v>8</v>
      </c>
      <c r="AG168" s="43">
        <v>259</v>
      </c>
      <c r="AH168" s="52">
        <v>302</v>
      </c>
      <c r="AI168" s="52">
        <v>7</v>
      </c>
      <c r="AJ168" s="43">
        <v>309</v>
      </c>
      <c r="AK168" s="52">
        <v>389</v>
      </c>
      <c r="AL168" s="52">
        <v>3</v>
      </c>
      <c r="AM168" s="43">
        <v>392</v>
      </c>
      <c r="AN168" s="52">
        <v>362</v>
      </c>
      <c r="AO168" s="52">
        <v>7</v>
      </c>
      <c r="AP168" s="43">
        <v>369</v>
      </c>
      <c r="AQ168" s="52">
        <v>362</v>
      </c>
      <c r="AR168" s="52">
        <v>4</v>
      </c>
      <c r="AS168" s="43">
        <v>366</v>
      </c>
      <c r="AT168" s="52">
        <v>338</v>
      </c>
      <c r="AU168" s="52">
        <v>1</v>
      </c>
      <c r="AV168" s="43">
        <v>339</v>
      </c>
      <c r="AW168" s="52">
        <v>452</v>
      </c>
      <c r="AX168" s="52">
        <v>1</v>
      </c>
      <c r="AY168" s="43">
        <v>453</v>
      </c>
      <c r="AZ168" s="52">
        <v>428</v>
      </c>
      <c r="BA168" s="52">
        <v>3</v>
      </c>
      <c r="BB168" s="43">
        <v>431</v>
      </c>
      <c r="BC168" s="52">
        <v>371</v>
      </c>
      <c r="BD168" s="52">
        <v>0</v>
      </c>
      <c r="BE168" s="43">
        <v>371</v>
      </c>
      <c r="BF168" s="52">
        <v>272</v>
      </c>
      <c r="BG168" s="52">
        <v>0</v>
      </c>
      <c r="BH168" s="43">
        <v>272</v>
      </c>
      <c r="BI168" s="52">
        <v>154</v>
      </c>
      <c r="BJ168" s="52">
        <v>0</v>
      </c>
      <c r="BK168" s="43">
        <v>154</v>
      </c>
      <c r="BL168" s="52">
        <v>46</v>
      </c>
      <c r="BM168" s="52">
        <v>0</v>
      </c>
      <c r="BN168" s="43">
        <v>46</v>
      </c>
      <c r="BO168" s="52">
        <v>9</v>
      </c>
      <c r="BP168" s="52">
        <v>0</v>
      </c>
      <c r="BQ168" s="44">
        <v>9</v>
      </c>
      <c r="BT168" s="66"/>
    </row>
    <row r="169" spans="1:72" ht="15" thickBot="1" x14ac:dyDescent="0.2">
      <c r="A169" s="59"/>
      <c r="B169" s="32" t="s">
        <v>32</v>
      </c>
      <c r="C169" s="69"/>
      <c r="D169" s="46">
        <v>10330</v>
      </c>
      <c r="E169" s="47">
        <v>157</v>
      </c>
      <c r="F169" s="48">
        <v>10487</v>
      </c>
      <c r="G169" s="49">
        <v>252</v>
      </c>
      <c r="H169" s="48">
        <v>3</v>
      </c>
      <c r="I169" s="48">
        <v>255</v>
      </c>
      <c r="J169" s="49">
        <v>352</v>
      </c>
      <c r="K169" s="48">
        <v>0</v>
      </c>
      <c r="L169" s="48">
        <v>352</v>
      </c>
      <c r="M169" s="49">
        <v>363</v>
      </c>
      <c r="N169" s="48">
        <v>1</v>
      </c>
      <c r="O169" s="48">
        <v>364</v>
      </c>
      <c r="P169" s="49">
        <v>377</v>
      </c>
      <c r="Q169" s="48">
        <v>23</v>
      </c>
      <c r="R169" s="48">
        <v>400</v>
      </c>
      <c r="S169" s="49">
        <v>429</v>
      </c>
      <c r="T169" s="48">
        <v>26</v>
      </c>
      <c r="U169" s="48">
        <v>455</v>
      </c>
      <c r="V169" s="49">
        <v>407</v>
      </c>
      <c r="W169" s="48">
        <v>33</v>
      </c>
      <c r="X169" s="48">
        <v>440</v>
      </c>
      <c r="Y169" s="49">
        <v>405</v>
      </c>
      <c r="Z169" s="48">
        <v>11</v>
      </c>
      <c r="AA169" s="48">
        <v>416</v>
      </c>
      <c r="AB169" s="49">
        <v>513</v>
      </c>
      <c r="AC169" s="48">
        <v>10</v>
      </c>
      <c r="AD169" s="48">
        <v>523</v>
      </c>
      <c r="AE169" s="49">
        <v>544</v>
      </c>
      <c r="AF169" s="48">
        <v>14</v>
      </c>
      <c r="AG169" s="48">
        <v>558</v>
      </c>
      <c r="AH169" s="49">
        <v>648</v>
      </c>
      <c r="AI169" s="48">
        <v>8</v>
      </c>
      <c r="AJ169" s="48">
        <v>656</v>
      </c>
      <c r="AK169" s="49">
        <v>835</v>
      </c>
      <c r="AL169" s="48">
        <v>7</v>
      </c>
      <c r="AM169" s="48">
        <v>842</v>
      </c>
      <c r="AN169" s="49">
        <v>763</v>
      </c>
      <c r="AO169" s="48">
        <v>12</v>
      </c>
      <c r="AP169" s="48">
        <v>775</v>
      </c>
      <c r="AQ169" s="49">
        <v>734</v>
      </c>
      <c r="AR169" s="48">
        <v>4</v>
      </c>
      <c r="AS169" s="48">
        <v>738</v>
      </c>
      <c r="AT169" s="49">
        <v>704</v>
      </c>
      <c r="AU169" s="48">
        <v>1</v>
      </c>
      <c r="AV169" s="48">
        <v>705</v>
      </c>
      <c r="AW169" s="49">
        <v>866</v>
      </c>
      <c r="AX169" s="48">
        <v>1</v>
      </c>
      <c r="AY169" s="48">
        <v>867</v>
      </c>
      <c r="AZ169" s="49">
        <v>785</v>
      </c>
      <c r="BA169" s="48">
        <v>3</v>
      </c>
      <c r="BB169" s="48">
        <v>788</v>
      </c>
      <c r="BC169" s="49">
        <v>645</v>
      </c>
      <c r="BD169" s="48">
        <v>0</v>
      </c>
      <c r="BE169" s="48">
        <v>645</v>
      </c>
      <c r="BF169" s="49">
        <v>427</v>
      </c>
      <c r="BG169" s="48">
        <v>0</v>
      </c>
      <c r="BH169" s="48">
        <v>427</v>
      </c>
      <c r="BI169" s="49">
        <v>210</v>
      </c>
      <c r="BJ169" s="48">
        <v>0</v>
      </c>
      <c r="BK169" s="48">
        <v>210</v>
      </c>
      <c r="BL169" s="49">
        <v>61</v>
      </c>
      <c r="BM169" s="48">
        <v>0</v>
      </c>
      <c r="BN169" s="48">
        <v>61</v>
      </c>
      <c r="BO169" s="49">
        <v>10</v>
      </c>
      <c r="BP169" s="48">
        <v>0</v>
      </c>
      <c r="BQ169" s="50">
        <v>10</v>
      </c>
      <c r="BT169" s="66"/>
    </row>
    <row r="170" spans="1:72" x14ac:dyDescent="0.15">
      <c r="A170" s="20"/>
      <c r="B170" s="21" t="s">
        <v>29</v>
      </c>
      <c r="C170" s="67">
        <v>143642</v>
      </c>
      <c r="D170" s="37">
        <v>4565</v>
      </c>
      <c r="E170" s="38">
        <v>66</v>
      </c>
      <c r="F170" s="39">
        <v>4631</v>
      </c>
      <c r="G170" s="52">
        <v>90</v>
      </c>
      <c r="H170" s="52">
        <v>4</v>
      </c>
      <c r="I170" s="39">
        <v>94</v>
      </c>
      <c r="J170" s="52">
        <v>122</v>
      </c>
      <c r="K170" s="52">
        <v>1</v>
      </c>
      <c r="L170" s="39">
        <v>123</v>
      </c>
      <c r="M170" s="52">
        <v>162</v>
      </c>
      <c r="N170" s="52">
        <v>1</v>
      </c>
      <c r="O170" s="39">
        <v>163</v>
      </c>
      <c r="P170" s="52">
        <v>166</v>
      </c>
      <c r="Q170" s="52">
        <v>1</v>
      </c>
      <c r="R170" s="39">
        <v>167</v>
      </c>
      <c r="S170" s="52">
        <v>190</v>
      </c>
      <c r="T170" s="52">
        <v>5</v>
      </c>
      <c r="U170" s="39">
        <v>195</v>
      </c>
      <c r="V170" s="52">
        <v>148</v>
      </c>
      <c r="W170" s="52">
        <v>9</v>
      </c>
      <c r="X170" s="39">
        <v>157</v>
      </c>
      <c r="Y170" s="52">
        <v>165</v>
      </c>
      <c r="Z170" s="52">
        <v>13</v>
      </c>
      <c r="AA170" s="39">
        <v>178</v>
      </c>
      <c r="AB170" s="52">
        <v>210</v>
      </c>
      <c r="AC170" s="52">
        <v>9</v>
      </c>
      <c r="AD170" s="39">
        <v>219</v>
      </c>
      <c r="AE170" s="52">
        <v>242</v>
      </c>
      <c r="AF170" s="52">
        <v>12</v>
      </c>
      <c r="AG170" s="39">
        <v>254</v>
      </c>
      <c r="AH170" s="52">
        <v>299</v>
      </c>
      <c r="AI170" s="52">
        <v>6</v>
      </c>
      <c r="AJ170" s="39">
        <v>305</v>
      </c>
      <c r="AK170" s="52">
        <v>302</v>
      </c>
      <c r="AL170" s="52">
        <v>1</v>
      </c>
      <c r="AM170" s="39">
        <v>303</v>
      </c>
      <c r="AN170" s="52">
        <v>332</v>
      </c>
      <c r="AO170" s="52">
        <v>2</v>
      </c>
      <c r="AP170" s="39">
        <v>334</v>
      </c>
      <c r="AQ170" s="52">
        <v>348</v>
      </c>
      <c r="AR170" s="52">
        <v>1</v>
      </c>
      <c r="AS170" s="39">
        <v>349</v>
      </c>
      <c r="AT170" s="52">
        <v>403</v>
      </c>
      <c r="AU170" s="52">
        <v>0</v>
      </c>
      <c r="AV170" s="39">
        <v>403</v>
      </c>
      <c r="AW170" s="52">
        <v>503</v>
      </c>
      <c r="AX170" s="52">
        <v>0</v>
      </c>
      <c r="AY170" s="39">
        <v>503</v>
      </c>
      <c r="AZ170" s="52">
        <v>395</v>
      </c>
      <c r="BA170" s="52">
        <v>1</v>
      </c>
      <c r="BB170" s="39">
        <v>396</v>
      </c>
      <c r="BC170" s="52">
        <v>247</v>
      </c>
      <c r="BD170" s="52">
        <v>0</v>
      </c>
      <c r="BE170" s="39">
        <v>247</v>
      </c>
      <c r="BF170" s="52">
        <v>163</v>
      </c>
      <c r="BG170" s="52">
        <v>0</v>
      </c>
      <c r="BH170" s="39">
        <v>163</v>
      </c>
      <c r="BI170" s="52">
        <v>63</v>
      </c>
      <c r="BJ170" s="52">
        <v>0</v>
      </c>
      <c r="BK170" s="39">
        <v>63</v>
      </c>
      <c r="BL170" s="52">
        <v>13</v>
      </c>
      <c r="BM170" s="52">
        <v>0</v>
      </c>
      <c r="BN170" s="39">
        <v>13</v>
      </c>
      <c r="BO170" s="52">
        <v>2</v>
      </c>
      <c r="BP170" s="52">
        <v>0</v>
      </c>
      <c r="BQ170" s="41">
        <v>2</v>
      </c>
      <c r="BT170" s="66"/>
    </row>
    <row r="171" spans="1:72" x14ac:dyDescent="0.15">
      <c r="A171" s="20" t="s">
        <v>85</v>
      </c>
      <c r="B171" s="26" t="s">
        <v>31</v>
      </c>
      <c r="C171" s="68"/>
      <c r="D171" s="42">
        <v>4740</v>
      </c>
      <c r="E171" s="40">
        <v>64</v>
      </c>
      <c r="F171" s="43">
        <v>4804</v>
      </c>
      <c r="G171" s="52">
        <v>77</v>
      </c>
      <c r="H171" s="52">
        <v>2</v>
      </c>
      <c r="I171" s="43">
        <v>79</v>
      </c>
      <c r="J171" s="52">
        <v>129</v>
      </c>
      <c r="K171" s="52">
        <v>0</v>
      </c>
      <c r="L171" s="43">
        <v>129</v>
      </c>
      <c r="M171" s="52">
        <v>160</v>
      </c>
      <c r="N171" s="52">
        <v>1</v>
      </c>
      <c r="O171" s="43">
        <v>161</v>
      </c>
      <c r="P171" s="52">
        <v>168</v>
      </c>
      <c r="Q171" s="52">
        <v>2</v>
      </c>
      <c r="R171" s="43">
        <v>170</v>
      </c>
      <c r="S171" s="52">
        <v>158</v>
      </c>
      <c r="T171" s="52">
        <v>12</v>
      </c>
      <c r="U171" s="43">
        <v>170</v>
      </c>
      <c r="V171" s="52">
        <v>128</v>
      </c>
      <c r="W171" s="52">
        <v>6</v>
      </c>
      <c r="X171" s="43">
        <v>134</v>
      </c>
      <c r="Y171" s="52">
        <v>120</v>
      </c>
      <c r="Z171" s="52">
        <v>7</v>
      </c>
      <c r="AA171" s="43">
        <v>127</v>
      </c>
      <c r="AB171" s="52">
        <v>185</v>
      </c>
      <c r="AC171" s="52">
        <v>7</v>
      </c>
      <c r="AD171" s="43">
        <v>192</v>
      </c>
      <c r="AE171" s="52">
        <v>209</v>
      </c>
      <c r="AF171" s="52">
        <v>4</v>
      </c>
      <c r="AG171" s="43">
        <v>213</v>
      </c>
      <c r="AH171" s="52">
        <v>254</v>
      </c>
      <c r="AI171" s="52">
        <v>5</v>
      </c>
      <c r="AJ171" s="43">
        <v>259</v>
      </c>
      <c r="AK171" s="52">
        <v>309</v>
      </c>
      <c r="AL171" s="52">
        <v>7</v>
      </c>
      <c r="AM171" s="43">
        <v>316</v>
      </c>
      <c r="AN171" s="52">
        <v>304</v>
      </c>
      <c r="AO171" s="52">
        <v>4</v>
      </c>
      <c r="AP171" s="43">
        <v>308</v>
      </c>
      <c r="AQ171" s="52">
        <v>323</v>
      </c>
      <c r="AR171" s="52">
        <v>1</v>
      </c>
      <c r="AS171" s="43">
        <v>324</v>
      </c>
      <c r="AT171" s="52">
        <v>426</v>
      </c>
      <c r="AU171" s="52">
        <v>5</v>
      </c>
      <c r="AV171" s="43">
        <v>431</v>
      </c>
      <c r="AW171" s="52">
        <v>511</v>
      </c>
      <c r="AX171" s="52">
        <v>1</v>
      </c>
      <c r="AY171" s="43">
        <v>512</v>
      </c>
      <c r="AZ171" s="52">
        <v>431</v>
      </c>
      <c r="BA171" s="52">
        <v>0</v>
      </c>
      <c r="BB171" s="43">
        <v>431</v>
      </c>
      <c r="BC171" s="52">
        <v>344</v>
      </c>
      <c r="BD171" s="52">
        <v>0</v>
      </c>
      <c r="BE171" s="43">
        <v>344</v>
      </c>
      <c r="BF171" s="52">
        <v>273</v>
      </c>
      <c r="BG171" s="52">
        <v>0</v>
      </c>
      <c r="BH171" s="43">
        <v>273</v>
      </c>
      <c r="BI171" s="52">
        <v>164</v>
      </c>
      <c r="BJ171" s="52">
        <v>0</v>
      </c>
      <c r="BK171" s="43">
        <v>164</v>
      </c>
      <c r="BL171" s="52">
        <v>60</v>
      </c>
      <c r="BM171" s="52">
        <v>0</v>
      </c>
      <c r="BN171" s="43">
        <v>60</v>
      </c>
      <c r="BO171" s="52">
        <v>7</v>
      </c>
      <c r="BP171" s="52">
        <v>0</v>
      </c>
      <c r="BQ171" s="44">
        <v>7</v>
      </c>
      <c r="BT171" s="66"/>
    </row>
    <row r="172" spans="1:72" ht="15" thickBot="1" x14ac:dyDescent="0.2">
      <c r="A172" s="59"/>
      <c r="B172" s="32" t="s">
        <v>32</v>
      </c>
      <c r="C172" s="69"/>
      <c r="D172" s="46">
        <v>9305</v>
      </c>
      <c r="E172" s="47">
        <v>130</v>
      </c>
      <c r="F172" s="48">
        <v>9435</v>
      </c>
      <c r="G172" s="49">
        <v>167</v>
      </c>
      <c r="H172" s="48">
        <v>6</v>
      </c>
      <c r="I172" s="48">
        <v>173</v>
      </c>
      <c r="J172" s="49">
        <v>251</v>
      </c>
      <c r="K172" s="48">
        <v>1</v>
      </c>
      <c r="L172" s="48">
        <v>252</v>
      </c>
      <c r="M172" s="49">
        <v>322</v>
      </c>
      <c r="N172" s="48">
        <v>2</v>
      </c>
      <c r="O172" s="48">
        <v>324</v>
      </c>
      <c r="P172" s="49">
        <v>334</v>
      </c>
      <c r="Q172" s="48">
        <v>3</v>
      </c>
      <c r="R172" s="48">
        <v>337</v>
      </c>
      <c r="S172" s="49">
        <v>348</v>
      </c>
      <c r="T172" s="48">
        <v>17</v>
      </c>
      <c r="U172" s="48">
        <v>365</v>
      </c>
      <c r="V172" s="49">
        <v>276</v>
      </c>
      <c r="W172" s="48">
        <v>15</v>
      </c>
      <c r="X172" s="48">
        <v>291</v>
      </c>
      <c r="Y172" s="49">
        <v>285</v>
      </c>
      <c r="Z172" s="48">
        <v>20</v>
      </c>
      <c r="AA172" s="48">
        <v>305</v>
      </c>
      <c r="AB172" s="49">
        <v>395</v>
      </c>
      <c r="AC172" s="48">
        <v>16</v>
      </c>
      <c r="AD172" s="48">
        <v>411</v>
      </c>
      <c r="AE172" s="49">
        <v>451</v>
      </c>
      <c r="AF172" s="48">
        <v>16</v>
      </c>
      <c r="AG172" s="48">
        <v>467</v>
      </c>
      <c r="AH172" s="49">
        <v>553</v>
      </c>
      <c r="AI172" s="48">
        <v>11</v>
      </c>
      <c r="AJ172" s="48">
        <v>564</v>
      </c>
      <c r="AK172" s="49">
        <v>611</v>
      </c>
      <c r="AL172" s="48">
        <v>8</v>
      </c>
      <c r="AM172" s="48">
        <v>619</v>
      </c>
      <c r="AN172" s="49">
        <v>636</v>
      </c>
      <c r="AO172" s="48">
        <v>6</v>
      </c>
      <c r="AP172" s="48">
        <v>642</v>
      </c>
      <c r="AQ172" s="49">
        <v>671</v>
      </c>
      <c r="AR172" s="48">
        <v>2</v>
      </c>
      <c r="AS172" s="48">
        <v>673</v>
      </c>
      <c r="AT172" s="49">
        <v>829</v>
      </c>
      <c r="AU172" s="48">
        <v>5</v>
      </c>
      <c r="AV172" s="48">
        <v>834</v>
      </c>
      <c r="AW172" s="49">
        <v>1014</v>
      </c>
      <c r="AX172" s="48">
        <v>1</v>
      </c>
      <c r="AY172" s="48">
        <v>1015</v>
      </c>
      <c r="AZ172" s="49">
        <v>826</v>
      </c>
      <c r="BA172" s="48">
        <v>1</v>
      </c>
      <c r="BB172" s="48">
        <v>827</v>
      </c>
      <c r="BC172" s="49">
        <v>591</v>
      </c>
      <c r="BD172" s="48">
        <v>0</v>
      </c>
      <c r="BE172" s="48">
        <v>591</v>
      </c>
      <c r="BF172" s="49">
        <v>436</v>
      </c>
      <c r="BG172" s="48">
        <v>0</v>
      </c>
      <c r="BH172" s="48">
        <v>436</v>
      </c>
      <c r="BI172" s="49">
        <v>227</v>
      </c>
      <c r="BJ172" s="48">
        <v>0</v>
      </c>
      <c r="BK172" s="48">
        <v>227</v>
      </c>
      <c r="BL172" s="49">
        <v>73</v>
      </c>
      <c r="BM172" s="48">
        <v>0</v>
      </c>
      <c r="BN172" s="48">
        <v>73</v>
      </c>
      <c r="BO172" s="49">
        <v>9</v>
      </c>
      <c r="BP172" s="48">
        <v>0</v>
      </c>
      <c r="BQ172" s="50">
        <v>9</v>
      </c>
      <c r="BT172" s="66"/>
    </row>
    <row r="173" spans="1:72" x14ac:dyDescent="0.15">
      <c r="A173" s="20"/>
      <c r="B173" s="21" t="s">
        <v>29</v>
      </c>
      <c r="C173" s="67">
        <v>143669</v>
      </c>
      <c r="D173" s="37">
        <v>9040</v>
      </c>
      <c r="E173" s="38">
        <v>81</v>
      </c>
      <c r="F173" s="39">
        <v>9121</v>
      </c>
      <c r="G173" s="52">
        <v>381</v>
      </c>
      <c r="H173" s="52">
        <v>1</v>
      </c>
      <c r="I173" s="39">
        <v>382</v>
      </c>
      <c r="J173" s="52">
        <v>461</v>
      </c>
      <c r="K173" s="52">
        <v>4</v>
      </c>
      <c r="L173" s="39">
        <v>465</v>
      </c>
      <c r="M173" s="52">
        <v>499</v>
      </c>
      <c r="N173" s="52">
        <v>3</v>
      </c>
      <c r="O173" s="39">
        <v>502</v>
      </c>
      <c r="P173" s="52">
        <v>475</v>
      </c>
      <c r="Q173" s="52">
        <v>2</v>
      </c>
      <c r="R173" s="39">
        <v>477</v>
      </c>
      <c r="S173" s="52">
        <v>433</v>
      </c>
      <c r="T173" s="52">
        <v>9</v>
      </c>
      <c r="U173" s="39">
        <v>442</v>
      </c>
      <c r="V173" s="52">
        <v>405</v>
      </c>
      <c r="W173" s="52">
        <v>9</v>
      </c>
      <c r="X173" s="39">
        <v>414</v>
      </c>
      <c r="Y173" s="52">
        <v>438</v>
      </c>
      <c r="Z173" s="52">
        <v>12</v>
      </c>
      <c r="AA173" s="39">
        <v>450</v>
      </c>
      <c r="AB173" s="52">
        <v>562</v>
      </c>
      <c r="AC173" s="52">
        <v>7</v>
      </c>
      <c r="AD173" s="39">
        <v>569</v>
      </c>
      <c r="AE173" s="52">
        <v>637</v>
      </c>
      <c r="AF173" s="52">
        <v>7</v>
      </c>
      <c r="AG173" s="39">
        <v>644</v>
      </c>
      <c r="AH173" s="52">
        <v>768</v>
      </c>
      <c r="AI173" s="52">
        <v>9</v>
      </c>
      <c r="AJ173" s="39">
        <v>777</v>
      </c>
      <c r="AK173" s="52">
        <v>804</v>
      </c>
      <c r="AL173" s="52">
        <v>4</v>
      </c>
      <c r="AM173" s="39">
        <v>808</v>
      </c>
      <c r="AN173" s="52">
        <v>639</v>
      </c>
      <c r="AO173" s="52">
        <v>7</v>
      </c>
      <c r="AP173" s="39">
        <v>646</v>
      </c>
      <c r="AQ173" s="52">
        <v>475</v>
      </c>
      <c r="AR173" s="52">
        <v>3</v>
      </c>
      <c r="AS173" s="39">
        <v>478</v>
      </c>
      <c r="AT173" s="52">
        <v>443</v>
      </c>
      <c r="AU173" s="52">
        <v>3</v>
      </c>
      <c r="AV173" s="39">
        <v>446</v>
      </c>
      <c r="AW173" s="52">
        <v>526</v>
      </c>
      <c r="AX173" s="52">
        <v>1</v>
      </c>
      <c r="AY173" s="39">
        <v>527</v>
      </c>
      <c r="AZ173" s="52">
        <v>419</v>
      </c>
      <c r="BA173" s="52">
        <v>0</v>
      </c>
      <c r="BB173" s="39">
        <v>419</v>
      </c>
      <c r="BC173" s="52">
        <v>381</v>
      </c>
      <c r="BD173" s="52">
        <v>0</v>
      </c>
      <c r="BE173" s="39">
        <v>381</v>
      </c>
      <c r="BF173" s="52">
        <v>214</v>
      </c>
      <c r="BG173" s="52">
        <v>0</v>
      </c>
      <c r="BH173" s="39">
        <v>214</v>
      </c>
      <c r="BI173" s="52">
        <v>69</v>
      </c>
      <c r="BJ173" s="52">
        <v>0</v>
      </c>
      <c r="BK173" s="39">
        <v>69</v>
      </c>
      <c r="BL173" s="52">
        <v>8</v>
      </c>
      <c r="BM173" s="52">
        <v>0</v>
      </c>
      <c r="BN173" s="39">
        <v>8</v>
      </c>
      <c r="BO173" s="52">
        <v>3</v>
      </c>
      <c r="BP173" s="52">
        <v>0</v>
      </c>
      <c r="BQ173" s="39">
        <v>3</v>
      </c>
      <c r="BT173" s="66"/>
    </row>
    <row r="174" spans="1:72" x14ac:dyDescent="0.15">
      <c r="A174" s="20" t="s">
        <v>86</v>
      </c>
      <c r="B174" s="26" t="s">
        <v>31</v>
      </c>
      <c r="C174" s="68"/>
      <c r="D174" s="42">
        <v>9428</v>
      </c>
      <c r="E174" s="40">
        <v>100</v>
      </c>
      <c r="F174" s="43">
        <v>9528</v>
      </c>
      <c r="G174" s="52">
        <v>380</v>
      </c>
      <c r="H174" s="52">
        <v>4</v>
      </c>
      <c r="I174" s="43">
        <v>384</v>
      </c>
      <c r="J174" s="52">
        <v>477</v>
      </c>
      <c r="K174" s="52">
        <v>2</v>
      </c>
      <c r="L174" s="43">
        <v>479</v>
      </c>
      <c r="M174" s="52">
        <v>469</v>
      </c>
      <c r="N174" s="52">
        <v>0</v>
      </c>
      <c r="O174" s="43">
        <v>469</v>
      </c>
      <c r="P174" s="52">
        <v>467</v>
      </c>
      <c r="Q174" s="52">
        <v>2</v>
      </c>
      <c r="R174" s="43">
        <v>469</v>
      </c>
      <c r="S174" s="52">
        <v>432</v>
      </c>
      <c r="T174" s="52">
        <v>8</v>
      </c>
      <c r="U174" s="43">
        <v>440</v>
      </c>
      <c r="V174" s="52">
        <v>402</v>
      </c>
      <c r="W174" s="52">
        <v>13</v>
      </c>
      <c r="X174" s="43">
        <v>415</v>
      </c>
      <c r="Y174" s="52">
        <v>413</v>
      </c>
      <c r="Z174" s="52">
        <v>14</v>
      </c>
      <c r="AA174" s="43">
        <v>427</v>
      </c>
      <c r="AB174" s="52">
        <v>548</v>
      </c>
      <c r="AC174" s="52">
        <v>12</v>
      </c>
      <c r="AD174" s="43">
        <v>560</v>
      </c>
      <c r="AE174" s="52">
        <v>660</v>
      </c>
      <c r="AF174" s="52">
        <v>9</v>
      </c>
      <c r="AG174" s="43">
        <v>669</v>
      </c>
      <c r="AH174" s="52">
        <v>705</v>
      </c>
      <c r="AI174" s="52">
        <v>8</v>
      </c>
      <c r="AJ174" s="43">
        <v>713</v>
      </c>
      <c r="AK174" s="52">
        <v>749</v>
      </c>
      <c r="AL174" s="52">
        <v>8</v>
      </c>
      <c r="AM174" s="43">
        <v>757</v>
      </c>
      <c r="AN174" s="52">
        <v>626</v>
      </c>
      <c r="AO174" s="52">
        <v>6</v>
      </c>
      <c r="AP174" s="43">
        <v>632</v>
      </c>
      <c r="AQ174" s="52">
        <v>442</v>
      </c>
      <c r="AR174" s="52">
        <v>9</v>
      </c>
      <c r="AS174" s="43">
        <v>451</v>
      </c>
      <c r="AT174" s="52">
        <v>494</v>
      </c>
      <c r="AU174" s="52">
        <v>2</v>
      </c>
      <c r="AV174" s="43">
        <v>496</v>
      </c>
      <c r="AW174" s="52">
        <v>591</v>
      </c>
      <c r="AX174" s="52">
        <v>2</v>
      </c>
      <c r="AY174" s="43">
        <v>593</v>
      </c>
      <c r="AZ174" s="52">
        <v>551</v>
      </c>
      <c r="BA174" s="52">
        <v>0</v>
      </c>
      <c r="BB174" s="43">
        <v>551</v>
      </c>
      <c r="BC174" s="52">
        <v>501</v>
      </c>
      <c r="BD174" s="52">
        <v>0</v>
      </c>
      <c r="BE174" s="43">
        <v>501</v>
      </c>
      <c r="BF174" s="52">
        <v>287</v>
      </c>
      <c r="BG174" s="52">
        <v>1</v>
      </c>
      <c r="BH174" s="43">
        <v>288</v>
      </c>
      <c r="BI174" s="52">
        <v>169</v>
      </c>
      <c r="BJ174" s="52">
        <v>0</v>
      </c>
      <c r="BK174" s="43">
        <v>169</v>
      </c>
      <c r="BL174" s="52">
        <v>51</v>
      </c>
      <c r="BM174" s="52">
        <v>0</v>
      </c>
      <c r="BN174" s="43">
        <v>51</v>
      </c>
      <c r="BO174" s="52">
        <v>14</v>
      </c>
      <c r="BP174" s="52">
        <v>0</v>
      </c>
      <c r="BQ174" s="43">
        <v>14</v>
      </c>
      <c r="BT174" s="66"/>
    </row>
    <row r="175" spans="1:72" ht="15" thickBot="1" x14ac:dyDescent="0.2">
      <c r="A175" s="59"/>
      <c r="B175" s="32" t="s">
        <v>32</v>
      </c>
      <c r="C175" s="69"/>
      <c r="D175" s="46">
        <v>18468</v>
      </c>
      <c r="E175" s="47">
        <v>181</v>
      </c>
      <c r="F175" s="48">
        <v>18649</v>
      </c>
      <c r="G175" s="49">
        <v>761</v>
      </c>
      <c r="H175" s="48">
        <v>5</v>
      </c>
      <c r="I175" s="48">
        <v>766</v>
      </c>
      <c r="J175" s="49">
        <v>938</v>
      </c>
      <c r="K175" s="48">
        <v>6</v>
      </c>
      <c r="L175" s="48">
        <v>944</v>
      </c>
      <c r="M175" s="49">
        <v>968</v>
      </c>
      <c r="N175" s="48">
        <v>3</v>
      </c>
      <c r="O175" s="48">
        <v>971</v>
      </c>
      <c r="P175" s="49">
        <v>942</v>
      </c>
      <c r="Q175" s="48">
        <v>4</v>
      </c>
      <c r="R175" s="48">
        <v>946</v>
      </c>
      <c r="S175" s="49">
        <v>865</v>
      </c>
      <c r="T175" s="48">
        <v>17</v>
      </c>
      <c r="U175" s="48">
        <v>882</v>
      </c>
      <c r="V175" s="49">
        <v>807</v>
      </c>
      <c r="W175" s="48">
        <v>22</v>
      </c>
      <c r="X175" s="48">
        <v>829</v>
      </c>
      <c r="Y175" s="49">
        <v>851</v>
      </c>
      <c r="Z175" s="48">
        <v>26</v>
      </c>
      <c r="AA175" s="48">
        <v>877</v>
      </c>
      <c r="AB175" s="49">
        <v>1110</v>
      </c>
      <c r="AC175" s="48">
        <v>19</v>
      </c>
      <c r="AD175" s="48">
        <v>1129</v>
      </c>
      <c r="AE175" s="49">
        <v>1297</v>
      </c>
      <c r="AF175" s="48">
        <v>16</v>
      </c>
      <c r="AG175" s="48">
        <v>1313</v>
      </c>
      <c r="AH175" s="49">
        <v>1473</v>
      </c>
      <c r="AI175" s="48">
        <v>17</v>
      </c>
      <c r="AJ175" s="48">
        <v>1490</v>
      </c>
      <c r="AK175" s="49">
        <v>1553</v>
      </c>
      <c r="AL175" s="48">
        <v>12</v>
      </c>
      <c r="AM175" s="48">
        <v>1565</v>
      </c>
      <c r="AN175" s="49">
        <v>1265</v>
      </c>
      <c r="AO175" s="48">
        <v>13</v>
      </c>
      <c r="AP175" s="48">
        <v>1278</v>
      </c>
      <c r="AQ175" s="49">
        <v>917</v>
      </c>
      <c r="AR175" s="48">
        <v>12</v>
      </c>
      <c r="AS175" s="48">
        <v>929</v>
      </c>
      <c r="AT175" s="49">
        <v>937</v>
      </c>
      <c r="AU175" s="48">
        <v>5</v>
      </c>
      <c r="AV175" s="48">
        <v>942</v>
      </c>
      <c r="AW175" s="49">
        <v>1117</v>
      </c>
      <c r="AX175" s="48">
        <v>3</v>
      </c>
      <c r="AY175" s="48">
        <v>1120</v>
      </c>
      <c r="AZ175" s="49">
        <v>970</v>
      </c>
      <c r="BA175" s="48">
        <v>0</v>
      </c>
      <c r="BB175" s="48">
        <v>970</v>
      </c>
      <c r="BC175" s="49">
        <v>882</v>
      </c>
      <c r="BD175" s="48">
        <v>0</v>
      </c>
      <c r="BE175" s="48">
        <v>882</v>
      </c>
      <c r="BF175" s="49">
        <v>501</v>
      </c>
      <c r="BG175" s="48">
        <v>1</v>
      </c>
      <c r="BH175" s="48">
        <v>502</v>
      </c>
      <c r="BI175" s="49">
        <v>238</v>
      </c>
      <c r="BJ175" s="48">
        <v>0</v>
      </c>
      <c r="BK175" s="48">
        <v>238</v>
      </c>
      <c r="BL175" s="49">
        <v>59</v>
      </c>
      <c r="BM175" s="48">
        <v>0</v>
      </c>
      <c r="BN175" s="48">
        <v>59</v>
      </c>
      <c r="BO175" s="49">
        <v>17</v>
      </c>
      <c r="BP175" s="48">
        <v>0</v>
      </c>
      <c r="BQ175" s="48">
        <v>17</v>
      </c>
      <c r="BT175" s="66"/>
    </row>
    <row r="176" spans="1:72" x14ac:dyDescent="0.15">
      <c r="A176" s="20"/>
      <c r="B176" s="21" t="s">
        <v>29</v>
      </c>
      <c r="C176" s="67">
        <v>143821</v>
      </c>
      <c r="D176" s="37">
        <v>4796</v>
      </c>
      <c r="E176" s="38">
        <v>411</v>
      </c>
      <c r="F176" s="39">
        <v>5207</v>
      </c>
      <c r="G176" s="52">
        <v>74</v>
      </c>
      <c r="H176" s="52">
        <v>9</v>
      </c>
      <c r="I176" s="39">
        <v>83</v>
      </c>
      <c r="J176" s="52">
        <v>93</v>
      </c>
      <c r="K176" s="52">
        <v>4</v>
      </c>
      <c r="L176" s="39">
        <v>97</v>
      </c>
      <c r="M176" s="52">
        <v>117</v>
      </c>
      <c r="N176" s="52">
        <v>4</v>
      </c>
      <c r="O176" s="39">
        <v>121</v>
      </c>
      <c r="P176" s="52">
        <v>161</v>
      </c>
      <c r="Q176" s="52">
        <v>4</v>
      </c>
      <c r="R176" s="39">
        <v>165</v>
      </c>
      <c r="S176" s="52">
        <v>298</v>
      </c>
      <c r="T176" s="52">
        <v>86</v>
      </c>
      <c r="U176" s="39">
        <v>384</v>
      </c>
      <c r="V176" s="52">
        <v>250</v>
      </c>
      <c r="W176" s="52">
        <v>121</v>
      </c>
      <c r="X176" s="39">
        <v>371</v>
      </c>
      <c r="Y176" s="52">
        <v>194</v>
      </c>
      <c r="Z176" s="52">
        <v>91</v>
      </c>
      <c r="AA176" s="39">
        <v>285</v>
      </c>
      <c r="AB176" s="52">
        <v>213</v>
      </c>
      <c r="AC176" s="52">
        <v>46</v>
      </c>
      <c r="AD176" s="39">
        <v>259</v>
      </c>
      <c r="AE176" s="52">
        <v>241</v>
      </c>
      <c r="AF176" s="52">
        <v>8</v>
      </c>
      <c r="AG176" s="39">
        <v>249</v>
      </c>
      <c r="AH176" s="52">
        <v>284</v>
      </c>
      <c r="AI176" s="52">
        <v>5</v>
      </c>
      <c r="AJ176" s="39">
        <v>289</v>
      </c>
      <c r="AK176" s="52">
        <v>360</v>
      </c>
      <c r="AL176" s="52">
        <v>4</v>
      </c>
      <c r="AM176" s="39">
        <v>364</v>
      </c>
      <c r="AN176" s="52">
        <v>339</v>
      </c>
      <c r="AO176" s="52">
        <v>7</v>
      </c>
      <c r="AP176" s="39">
        <v>346</v>
      </c>
      <c r="AQ176" s="52">
        <v>378</v>
      </c>
      <c r="AR176" s="52">
        <v>8</v>
      </c>
      <c r="AS176" s="39">
        <v>386</v>
      </c>
      <c r="AT176" s="52">
        <v>415</v>
      </c>
      <c r="AU176" s="52">
        <v>7</v>
      </c>
      <c r="AV176" s="39">
        <v>422</v>
      </c>
      <c r="AW176" s="52">
        <v>454</v>
      </c>
      <c r="AX176" s="52">
        <v>5</v>
      </c>
      <c r="AY176" s="39">
        <v>459</v>
      </c>
      <c r="AZ176" s="52">
        <v>411</v>
      </c>
      <c r="BA176" s="52">
        <v>2</v>
      </c>
      <c r="BB176" s="39">
        <v>413</v>
      </c>
      <c r="BC176" s="52">
        <v>308</v>
      </c>
      <c r="BD176" s="52">
        <v>0</v>
      </c>
      <c r="BE176" s="39">
        <v>308</v>
      </c>
      <c r="BF176" s="52">
        <v>144</v>
      </c>
      <c r="BG176" s="52">
        <v>0</v>
      </c>
      <c r="BH176" s="39">
        <v>144</v>
      </c>
      <c r="BI176" s="52">
        <v>52</v>
      </c>
      <c r="BJ176" s="52">
        <v>0</v>
      </c>
      <c r="BK176" s="39">
        <v>52</v>
      </c>
      <c r="BL176" s="52">
        <v>9</v>
      </c>
      <c r="BM176" s="52">
        <v>0</v>
      </c>
      <c r="BN176" s="39">
        <v>9</v>
      </c>
      <c r="BO176" s="52">
        <v>1</v>
      </c>
      <c r="BP176" s="52">
        <v>0</v>
      </c>
      <c r="BQ176" s="41">
        <v>1</v>
      </c>
      <c r="BT176" s="66"/>
    </row>
    <row r="177" spans="1:72" x14ac:dyDescent="0.15">
      <c r="A177" s="20" t="s">
        <v>87</v>
      </c>
      <c r="B177" s="26" t="s">
        <v>31</v>
      </c>
      <c r="C177" s="68"/>
      <c r="D177" s="42">
        <v>5147</v>
      </c>
      <c r="E177" s="40">
        <v>553</v>
      </c>
      <c r="F177" s="43">
        <v>5700</v>
      </c>
      <c r="G177" s="52">
        <v>52</v>
      </c>
      <c r="H177" s="52">
        <v>9</v>
      </c>
      <c r="I177" s="43">
        <v>61</v>
      </c>
      <c r="J177" s="52">
        <v>104</v>
      </c>
      <c r="K177" s="52">
        <v>3</v>
      </c>
      <c r="L177" s="43">
        <v>107</v>
      </c>
      <c r="M177" s="52">
        <v>126</v>
      </c>
      <c r="N177" s="52">
        <v>1</v>
      </c>
      <c r="O177" s="43">
        <v>127</v>
      </c>
      <c r="P177" s="52">
        <v>166</v>
      </c>
      <c r="Q177" s="52">
        <v>3</v>
      </c>
      <c r="R177" s="43">
        <v>169</v>
      </c>
      <c r="S177" s="52">
        <v>392</v>
      </c>
      <c r="T177" s="52">
        <v>150</v>
      </c>
      <c r="U177" s="43">
        <v>542</v>
      </c>
      <c r="V177" s="52">
        <v>222</v>
      </c>
      <c r="W177" s="52">
        <v>200</v>
      </c>
      <c r="X177" s="43">
        <v>422</v>
      </c>
      <c r="Y177" s="52">
        <v>129</v>
      </c>
      <c r="Z177" s="52">
        <v>89</v>
      </c>
      <c r="AA177" s="43">
        <v>218</v>
      </c>
      <c r="AB177" s="52">
        <v>181</v>
      </c>
      <c r="AC177" s="52">
        <v>36</v>
      </c>
      <c r="AD177" s="43">
        <v>217</v>
      </c>
      <c r="AE177" s="52">
        <v>180</v>
      </c>
      <c r="AF177" s="52">
        <v>18</v>
      </c>
      <c r="AG177" s="43">
        <v>198</v>
      </c>
      <c r="AH177" s="52">
        <v>228</v>
      </c>
      <c r="AI177" s="52">
        <v>12</v>
      </c>
      <c r="AJ177" s="43">
        <v>240</v>
      </c>
      <c r="AK177" s="52">
        <v>359</v>
      </c>
      <c r="AL177" s="52">
        <v>8</v>
      </c>
      <c r="AM177" s="43">
        <v>367</v>
      </c>
      <c r="AN177" s="52">
        <v>318</v>
      </c>
      <c r="AO177" s="52">
        <v>8</v>
      </c>
      <c r="AP177" s="43">
        <v>326</v>
      </c>
      <c r="AQ177" s="52">
        <v>349</v>
      </c>
      <c r="AR177" s="52">
        <v>3</v>
      </c>
      <c r="AS177" s="43">
        <v>352</v>
      </c>
      <c r="AT177" s="52">
        <v>391</v>
      </c>
      <c r="AU177" s="52">
        <v>7</v>
      </c>
      <c r="AV177" s="43">
        <v>398</v>
      </c>
      <c r="AW177" s="52">
        <v>508</v>
      </c>
      <c r="AX177" s="52">
        <v>2</v>
      </c>
      <c r="AY177" s="43">
        <v>510</v>
      </c>
      <c r="AZ177" s="52">
        <v>511</v>
      </c>
      <c r="BA177" s="52">
        <v>4</v>
      </c>
      <c r="BB177" s="43">
        <v>515</v>
      </c>
      <c r="BC177" s="52">
        <v>423</v>
      </c>
      <c r="BD177" s="52">
        <v>0</v>
      </c>
      <c r="BE177" s="43">
        <v>423</v>
      </c>
      <c r="BF177" s="52">
        <v>279</v>
      </c>
      <c r="BG177" s="52">
        <v>0</v>
      </c>
      <c r="BH177" s="43">
        <v>279</v>
      </c>
      <c r="BI177" s="52">
        <v>151</v>
      </c>
      <c r="BJ177" s="52">
        <v>0</v>
      </c>
      <c r="BK177" s="43">
        <v>151</v>
      </c>
      <c r="BL177" s="52">
        <v>65</v>
      </c>
      <c r="BM177" s="52">
        <v>0</v>
      </c>
      <c r="BN177" s="43">
        <v>65</v>
      </c>
      <c r="BO177" s="52">
        <v>13</v>
      </c>
      <c r="BP177" s="52">
        <v>0</v>
      </c>
      <c r="BQ177" s="44">
        <v>13</v>
      </c>
      <c r="BT177" s="66"/>
    </row>
    <row r="178" spans="1:72" ht="15" thickBot="1" x14ac:dyDescent="0.2">
      <c r="A178" s="59"/>
      <c r="B178" s="32" t="s">
        <v>32</v>
      </c>
      <c r="C178" s="69"/>
      <c r="D178" s="46">
        <v>9943</v>
      </c>
      <c r="E178" s="47">
        <v>964</v>
      </c>
      <c r="F178" s="48">
        <v>10907</v>
      </c>
      <c r="G178" s="49">
        <v>126</v>
      </c>
      <c r="H178" s="48">
        <v>18</v>
      </c>
      <c r="I178" s="48">
        <v>144</v>
      </c>
      <c r="J178" s="49">
        <v>197</v>
      </c>
      <c r="K178" s="48">
        <v>7</v>
      </c>
      <c r="L178" s="48">
        <v>204</v>
      </c>
      <c r="M178" s="49">
        <v>243</v>
      </c>
      <c r="N178" s="48">
        <v>5</v>
      </c>
      <c r="O178" s="48">
        <v>248</v>
      </c>
      <c r="P178" s="49">
        <v>327</v>
      </c>
      <c r="Q178" s="48">
        <v>7</v>
      </c>
      <c r="R178" s="48">
        <v>334</v>
      </c>
      <c r="S178" s="49">
        <v>690</v>
      </c>
      <c r="T178" s="48">
        <v>236</v>
      </c>
      <c r="U178" s="48">
        <v>926</v>
      </c>
      <c r="V178" s="49">
        <v>472</v>
      </c>
      <c r="W178" s="48">
        <v>321</v>
      </c>
      <c r="X178" s="48">
        <v>793</v>
      </c>
      <c r="Y178" s="49">
        <v>323</v>
      </c>
      <c r="Z178" s="48">
        <v>180</v>
      </c>
      <c r="AA178" s="48">
        <v>503</v>
      </c>
      <c r="AB178" s="49">
        <v>394</v>
      </c>
      <c r="AC178" s="48">
        <v>82</v>
      </c>
      <c r="AD178" s="48">
        <v>476</v>
      </c>
      <c r="AE178" s="49">
        <v>421</v>
      </c>
      <c r="AF178" s="48">
        <v>26</v>
      </c>
      <c r="AG178" s="48">
        <v>447</v>
      </c>
      <c r="AH178" s="49">
        <v>512</v>
      </c>
      <c r="AI178" s="48">
        <v>17</v>
      </c>
      <c r="AJ178" s="48">
        <v>529</v>
      </c>
      <c r="AK178" s="49">
        <v>719</v>
      </c>
      <c r="AL178" s="48">
        <v>12</v>
      </c>
      <c r="AM178" s="48">
        <v>731</v>
      </c>
      <c r="AN178" s="49">
        <v>657</v>
      </c>
      <c r="AO178" s="48">
        <v>15</v>
      </c>
      <c r="AP178" s="48">
        <v>672</v>
      </c>
      <c r="AQ178" s="49">
        <v>727</v>
      </c>
      <c r="AR178" s="48">
        <v>11</v>
      </c>
      <c r="AS178" s="48">
        <v>738</v>
      </c>
      <c r="AT178" s="49">
        <v>806</v>
      </c>
      <c r="AU178" s="48">
        <v>14</v>
      </c>
      <c r="AV178" s="48">
        <v>820</v>
      </c>
      <c r="AW178" s="49">
        <v>962</v>
      </c>
      <c r="AX178" s="48">
        <v>7</v>
      </c>
      <c r="AY178" s="48">
        <v>969</v>
      </c>
      <c r="AZ178" s="49">
        <v>922</v>
      </c>
      <c r="BA178" s="48">
        <v>6</v>
      </c>
      <c r="BB178" s="48">
        <v>928</v>
      </c>
      <c r="BC178" s="49">
        <v>731</v>
      </c>
      <c r="BD178" s="48">
        <v>0</v>
      </c>
      <c r="BE178" s="48">
        <v>731</v>
      </c>
      <c r="BF178" s="49">
        <v>423</v>
      </c>
      <c r="BG178" s="48">
        <v>0</v>
      </c>
      <c r="BH178" s="48">
        <v>423</v>
      </c>
      <c r="BI178" s="49">
        <v>203</v>
      </c>
      <c r="BJ178" s="48">
        <v>0</v>
      </c>
      <c r="BK178" s="48">
        <v>203</v>
      </c>
      <c r="BL178" s="49">
        <v>74</v>
      </c>
      <c r="BM178" s="48">
        <v>0</v>
      </c>
      <c r="BN178" s="48">
        <v>74</v>
      </c>
      <c r="BO178" s="49">
        <v>14</v>
      </c>
      <c r="BP178" s="48">
        <v>0</v>
      </c>
      <c r="BQ178" s="50">
        <v>14</v>
      </c>
      <c r="BT178" s="66"/>
    </row>
    <row r="179" spans="1:72" x14ac:dyDescent="0.15">
      <c r="A179" s="20"/>
      <c r="B179" s="21" t="s">
        <v>29</v>
      </c>
      <c r="C179" s="67">
        <v>143839</v>
      </c>
      <c r="D179" s="37">
        <v>3090</v>
      </c>
      <c r="E179" s="38">
        <v>37</v>
      </c>
      <c r="F179" s="39">
        <v>3127</v>
      </c>
      <c r="G179" s="52">
        <v>42</v>
      </c>
      <c r="H179" s="52">
        <v>0</v>
      </c>
      <c r="I179" s="39">
        <v>42</v>
      </c>
      <c r="J179" s="52">
        <v>85</v>
      </c>
      <c r="K179" s="52">
        <v>0</v>
      </c>
      <c r="L179" s="39">
        <v>85</v>
      </c>
      <c r="M179" s="52">
        <v>79</v>
      </c>
      <c r="N179" s="52">
        <v>1</v>
      </c>
      <c r="O179" s="39">
        <v>80</v>
      </c>
      <c r="P179" s="52">
        <v>87</v>
      </c>
      <c r="Q179" s="52">
        <v>2</v>
      </c>
      <c r="R179" s="39">
        <v>89</v>
      </c>
      <c r="S179" s="52">
        <v>112</v>
      </c>
      <c r="T179" s="52">
        <v>2</v>
      </c>
      <c r="U179" s="39">
        <v>114</v>
      </c>
      <c r="V179" s="52">
        <v>83</v>
      </c>
      <c r="W179" s="52">
        <v>4</v>
      </c>
      <c r="X179" s="39">
        <v>87</v>
      </c>
      <c r="Y179" s="52">
        <v>107</v>
      </c>
      <c r="Z179" s="52">
        <v>3</v>
      </c>
      <c r="AA179" s="39">
        <v>110</v>
      </c>
      <c r="AB179" s="52">
        <v>122</v>
      </c>
      <c r="AC179" s="52">
        <v>2</v>
      </c>
      <c r="AD179" s="39">
        <v>124</v>
      </c>
      <c r="AE179" s="52">
        <v>139</v>
      </c>
      <c r="AF179" s="52">
        <v>1</v>
      </c>
      <c r="AG179" s="39">
        <v>140</v>
      </c>
      <c r="AH179" s="52">
        <v>176</v>
      </c>
      <c r="AI179" s="52">
        <v>3</v>
      </c>
      <c r="AJ179" s="39">
        <v>179</v>
      </c>
      <c r="AK179" s="52">
        <v>235</v>
      </c>
      <c r="AL179" s="52">
        <v>4</v>
      </c>
      <c r="AM179" s="39">
        <v>239</v>
      </c>
      <c r="AN179" s="52">
        <v>272</v>
      </c>
      <c r="AO179" s="52">
        <v>1</v>
      </c>
      <c r="AP179" s="39">
        <v>273</v>
      </c>
      <c r="AQ179" s="52">
        <v>265</v>
      </c>
      <c r="AR179" s="52">
        <v>5</v>
      </c>
      <c r="AS179" s="39">
        <v>270</v>
      </c>
      <c r="AT179" s="52">
        <v>295</v>
      </c>
      <c r="AU179" s="52">
        <v>1</v>
      </c>
      <c r="AV179" s="39">
        <v>296</v>
      </c>
      <c r="AW179" s="52">
        <v>315</v>
      </c>
      <c r="AX179" s="52">
        <v>2</v>
      </c>
      <c r="AY179" s="39">
        <v>317</v>
      </c>
      <c r="AZ179" s="52">
        <v>303</v>
      </c>
      <c r="BA179" s="52">
        <v>4</v>
      </c>
      <c r="BB179" s="39">
        <v>307</v>
      </c>
      <c r="BC179" s="52">
        <v>214</v>
      </c>
      <c r="BD179" s="52">
        <v>1</v>
      </c>
      <c r="BE179" s="39">
        <v>215</v>
      </c>
      <c r="BF179" s="52">
        <v>106</v>
      </c>
      <c r="BG179" s="52">
        <v>1</v>
      </c>
      <c r="BH179" s="39">
        <v>107</v>
      </c>
      <c r="BI179" s="52">
        <v>41</v>
      </c>
      <c r="BJ179" s="52">
        <v>0</v>
      </c>
      <c r="BK179" s="39">
        <v>41</v>
      </c>
      <c r="BL179" s="52">
        <v>11</v>
      </c>
      <c r="BM179" s="52">
        <v>0</v>
      </c>
      <c r="BN179" s="39">
        <v>11</v>
      </c>
      <c r="BO179" s="52">
        <v>1</v>
      </c>
      <c r="BP179" s="52">
        <v>0</v>
      </c>
      <c r="BQ179" s="41">
        <v>1</v>
      </c>
      <c r="BT179" s="66"/>
    </row>
    <row r="180" spans="1:72" x14ac:dyDescent="0.15">
      <c r="A180" s="20" t="s">
        <v>88</v>
      </c>
      <c r="B180" s="26" t="s">
        <v>31</v>
      </c>
      <c r="C180" s="68"/>
      <c r="D180" s="42">
        <v>3542</v>
      </c>
      <c r="E180" s="40">
        <v>41</v>
      </c>
      <c r="F180" s="43">
        <v>3583</v>
      </c>
      <c r="G180" s="52">
        <v>47</v>
      </c>
      <c r="H180" s="52">
        <v>0</v>
      </c>
      <c r="I180" s="43">
        <v>47</v>
      </c>
      <c r="J180" s="52">
        <v>88</v>
      </c>
      <c r="K180" s="52">
        <v>0</v>
      </c>
      <c r="L180" s="43">
        <v>88</v>
      </c>
      <c r="M180" s="52">
        <v>83</v>
      </c>
      <c r="N180" s="52">
        <v>1</v>
      </c>
      <c r="O180" s="43">
        <v>84</v>
      </c>
      <c r="P180" s="52">
        <v>96</v>
      </c>
      <c r="Q180" s="52">
        <v>2</v>
      </c>
      <c r="R180" s="43">
        <v>98</v>
      </c>
      <c r="S180" s="52">
        <v>95</v>
      </c>
      <c r="T180" s="52">
        <v>0</v>
      </c>
      <c r="U180" s="43">
        <v>95</v>
      </c>
      <c r="V180" s="52">
        <v>100</v>
      </c>
      <c r="W180" s="52">
        <v>3</v>
      </c>
      <c r="X180" s="43">
        <v>103</v>
      </c>
      <c r="Y180" s="52">
        <v>85</v>
      </c>
      <c r="Z180" s="52">
        <v>1</v>
      </c>
      <c r="AA180" s="43">
        <v>86</v>
      </c>
      <c r="AB180" s="52">
        <v>121</v>
      </c>
      <c r="AC180" s="52">
        <v>3</v>
      </c>
      <c r="AD180" s="43">
        <v>124</v>
      </c>
      <c r="AE180" s="52">
        <v>127</v>
      </c>
      <c r="AF180" s="52">
        <v>6</v>
      </c>
      <c r="AG180" s="43">
        <v>133</v>
      </c>
      <c r="AH180" s="52">
        <v>176</v>
      </c>
      <c r="AI180" s="52">
        <v>6</v>
      </c>
      <c r="AJ180" s="43">
        <v>182</v>
      </c>
      <c r="AK180" s="52">
        <v>235</v>
      </c>
      <c r="AL180" s="52">
        <v>6</v>
      </c>
      <c r="AM180" s="43">
        <v>241</v>
      </c>
      <c r="AN180" s="52">
        <v>284</v>
      </c>
      <c r="AO180" s="52">
        <v>2</v>
      </c>
      <c r="AP180" s="43">
        <v>286</v>
      </c>
      <c r="AQ180" s="52">
        <v>290</v>
      </c>
      <c r="AR180" s="52">
        <v>3</v>
      </c>
      <c r="AS180" s="43">
        <v>293</v>
      </c>
      <c r="AT180" s="52">
        <v>289</v>
      </c>
      <c r="AU180" s="52">
        <v>1</v>
      </c>
      <c r="AV180" s="43">
        <v>290</v>
      </c>
      <c r="AW180" s="52">
        <v>349</v>
      </c>
      <c r="AX180" s="52">
        <v>3</v>
      </c>
      <c r="AY180" s="43">
        <v>352</v>
      </c>
      <c r="AZ180" s="52">
        <v>370</v>
      </c>
      <c r="BA180" s="52">
        <v>2</v>
      </c>
      <c r="BB180" s="43">
        <v>372</v>
      </c>
      <c r="BC180" s="52">
        <v>321</v>
      </c>
      <c r="BD180" s="52">
        <v>1</v>
      </c>
      <c r="BE180" s="43">
        <v>322</v>
      </c>
      <c r="BF180" s="52">
        <v>227</v>
      </c>
      <c r="BG180" s="52">
        <v>1</v>
      </c>
      <c r="BH180" s="43">
        <v>228</v>
      </c>
      <c r="BI180" s="52">
        <v>108</v>
      </c>
      <c r="BJ180" s="52">
        <v>0</v>
      </c>
      <c r="BK180" s="43">
        <v>108</v>
      </c>
      <c r="BL180" s="52">
        <v>42</v>
      </c>
      <c r="BM180" s="52">
        <v>0</v>
      </c>
      <c r="BN180" s="43">
        <v>42</v>
      </c>
      <c r="BO180" s="52">
        <v>9</v>
      </c>
      <c r="BP180" s="52">
        <v>0</v>
      </c>
      <c r="BQ180" s="44">
        <v>9</v>
      </c>
      <c r="BT180" s="66"/>
    </row>
    <row r="181" spans="1:72" ht="15" thickBot="1" x14ac:dyDescent="0.2">
      <c r="A181" s="59"/>
      <c r="B181" s="32" t="s">
        <v>32</v>
      </c>
      <c r="C181" s="69"/>
      <c r="D181" s="46">
        <v>6632</v>
      </c>
      <c r="E181" s="47">
        <v>78</v>
      </c>
      <c r="F181" s="48">
        <v>6710</v>
      </c>
      <c r="G181" s="49">
        <v>89</v>
      </c>
      <c r="H181" s="48">
        <v>0</v>
      </c>
      <c r="I181" s="48">
        <v>89</v>
      </c>
      <c r="J181" s="49">
        <v>173</v>
      </c>
      <c r="K181" s="48">
        <v>0</v>
      </c>
      <c r="L181" s="48">
        <v>173</v>
      </c>
      <c r="M181" s="49">
        <v>162</v>
      </c>
      <c r="N181" s="48">
        <v>2</v>
      </c>
      <c r="O181" s="48">
        <v>164</v>
      </c>
      <c r="P181" s="49">
        <v>183</v>
      </c>
      <c r="Q181" s="48">
        <v>4</v>
      </c>
      <c r="R181" s="48">
        <v>187</v>
      </c>
      <c r="S181" s="49">
        <v>207</v>
      </c>
      <c r="T181" s="48">
        <v>2</v>
      </c>
      <c r="U181" s="48">
        <v>209</v>
      </c>
      <c r="V181" s="49">
        <v>183</v>
      </c>
      <c r="W181" s="48">
        <v>7</v>
      </c>
      <c r="X181" s="48">
        <v>190</v>
      </c>
      <c r="Y181" s="49">
        <v>192</v>
      </c>
      <c r="Z181" s="48">
        <v>4</v>
      </c>
      <c r="AA181" s="48">
        <v>196</v>
      </c>
      <c r="AB181" s="49">
        <v>243</v>
      </c>
      <c r="AC181" s="48">
        <v>5</v>
      </c>
      <c r="AD181" s="48">
        <v>248</v>
      </c>
      <c r="AE181" s="49">
        <v>266</v>
      </c>
      <c r="AF181" s="48">
        <v>7</v>
      </c>
      <c r="AG181" s="48">
        <v>273</v>
      </c>
      <c r="AH181" s="49">
        <v>352</v>
      </c>
      <c r="AI181" s="48">
        <v>9</v>
      </c>
      <c r="AJ181" s="48">
        <v>361</v>
      </c>
      <c r="AK181" s="49">
        <v>470</v>
      </c>
      <c r="AL181" s="48">
        <v>10</v>
      </c>
      <c r="AM181" s="48">
        <v>480</v>
      </c>
      <c r="AN181" s="49">
        <v>556</v>
      </c>
      <c r="AO181" s="48">
        <v>3</v>
      </c>
      <c r="AP181" s="48">
        <v>559</v>
      </c>
      <c r="AQ181" s="49">
        <v>555</v>
      </c>
      <c r="AR181" s="48">
        <v>8</v>
      </c>
      <c r="AS181" s="48">
        <v>563</v>
      </c>
      <c r="AT181" s="49">
        <v>584</v>
      </c>
      <c r="AU181" s="48">
        <v>2</v>
      </c>
      <c r="AV181" s="48">
        <v>586</v>
      </c>
      <c r="AW181" s="49">
        <v>664</v>
      </c>
      <c r="AX181" s="48">
        <v>5</v>
      </c>
      <c r="AY181" s="48">
        <v>669</v>
      </c>
      <c r="AZ181" s="49">
        <v>673</v>
      </c>
      <c r="BA181" s="48">
        <v>6</v>
      </c>
      <c r="BB181" s="48">
        <v>679</v>
      </c>
      <c r="BC181" s="49">
        <v>535</v>
      </c>
      <c r="BD181" s="48">
        <v>2</v>
      </c>
      <c r="BE181" s="48">
        <v>537</v>
      </c>
      <c r="BF181" s="49">
        <v>333</v>
      </c>
      <c r="BG181" s="48">
        <v>2</v>
      </c>
      <c r="BH181" s="48">
        <v>335</v>
      </c>
      <c r="BI181" s="49">
        <v>149</v>
      </c>
      <c r="BJ181" s="48">
        <v>0</v>
      </c>
      <c r="BK181" s="48">
        <v>149</v>
      </c>
      <c r="BL181" s="49">
        <v>53</v>
      </c>
      <c r="BM181" s="48">
        <v>0</v>
      </c>
      <c r="BN181" s="48">
        <v>53</v>
      </c>
      <c r="BO181" s="49">
        <v>10</v>
      </c>
      <c r="BP181" s="48">
        <v>0</v>
      </c>
      <c r="BQ181" s="50">
        <v>10</v>
      </c>
      <c r="BT181" s="66"/>
    </row>
    <row r="182" spans="1:72" x14ac:dyDescent="0.15">
      <c r="A182" s="20"/>
      <c r="B182" s="21" t="s">
        <v>29</v>
      </c>
      <c r="C182" s="67">
        <v>143847</v>
      </c>
      <c r="D182" s="37">
        <v>10847</v>
      </c>
      <c r="E182" s="38">
        <v>217</v>
      </c>
      <c r="F182" s="39">
        <v>11064</v>
      </c>
      <c r="G182" s="52">
        <v>190</v>
      </c>
      <c r="H182" s="52">
        <v>4</v>
      </c>
      <c r="I182" s="39">
        <v>194</v>
      </c>
      <c r="J182" s="52">
        <v>259</v>
      </c>
      <c r="K182" s="52">
        <v>2</v>
      </c>
      <c r="L182" s="39">
        <v>261</v>
      </c>
      <c r="M182" s="52">
        <v>368</v>
      </c>
      <c r="N182" s="52">
        <v>2</v>
      </c>
      <c r="O182" s="39">
        <v>370</v>
      </c>
      <c r="P182" s="52">
        <v>438</v>
      </c>
      <c r="Q182" s="52">
        <v>8</v>
      </c>
      <c r="R182" s="39">
        <v>446</v>
      </c>
      <c r="S182" s="52">
        <v>431</v>
      </c>
      <c r="T182" s="52">
        <v>32</v>
      </c>
      <c r="U182" s="39">
        <v>463</v>
      </c>
      <c r="V182" s="52">
        <v>415</v>
      </c>
      <c r="W182" s="52">
        <v>51</v>
      </c>
      <c r="X182" s="39">
        <v>466</v>
      </c>
      <c r="Y182" s="52">
        <v>349</v>
      </c>
      <c r="Z182" s="52">
        <v>25</v>
      </c>
      <c r="AA182" s="39">
        <v>374</v>
      </c>
      <c r="AB182" s="52">
        <v>361</v>
      </c>
      <c r="AC182" s="52">
        <v>17</v>
      </c>
      <c r="AD182" s="39">
        <v>378</v>
      </c>
      <c r="AE182" s="52">
        <v>491</v>
      </c>
      <c r="AF182" s="52">
        <v>10</v>
      </c>
      <c r="AG182" s="39">
        <v>501</v>
      </c>
      <c r="AH182" s="52">
        <v>722</v>
      </c>
      <c r="AI182" s="52">
        <v>11</v>
      </c>
      <c r="AJ182" s="39">
        <v>733</v>
      </c>
      <c r="AK182" s="52">
        <v>916</v>
      </c>
      <c r="AL182" s="52">
        <v>8</v>
      </c>
      <c r="AM182" s="39">
        <v>924</v>
      </c>
      <c r="AN182" s="52">
        <v>877</v>
      </c>
      <c r="AO182" s="52">
        <v>11</v>
      </c>
      <c r="AP182" s="39">
        <v>888</v>
      </c>
      <c r="AQ182" s="52">
        <v>851</v>
      </c>
      <c r="AR182" s="52">
        <v>5</v>
      </c>
      <c r="AS182" s="39">
        <v>856</v>
      </c>
      <c r="AT182" s="52">
        <v>875</v>
      </c>
      <c r="AU182" s="52">
        <v>9</v>
      </c>
      <c r="AV182" s="39">
        <v>884</v>
      </c>
      <c r="AW182" s="52">
        <v>1027</v>
      </c>
      <c r="AX182" s="52">
        <v>11</v>
      </c>
      <c r="AY182" s="39">
        <v>1038</v>
      </c>
      <c r="AZ182" s="52">
        <v>951</v>
      </c>
      <c r="BA182" s="52">
        <v>5</v>
      </c>
      <c r="BB182" s="39">
        <v>956</v>
      </c>
      <c r="BC182" s="52">
        <v>746</v>
      </c>
      <c r="BD182" s="52">
        <v>3</v>
      </c>
      <c r="BE182" s="39">
        <v>749</v>
      </c>
      <c r="BF182" s="52">
        <v>410</v>
      </c>
      <c r="BG182" s="52">
        <v>1</v>
      </c>
      <c r="BH182" s="39">
        <v>411</v>
      </c>
      <c r="BI182" s="52">
        <v>129</v>
      </c>
      <c r="BJ182" s="52">
        <v>2</v>
      </c>
      <c r="BK182" s="39">
        <v>131</v>
      </c>
      <c r="BL182" s="52">
        <v>38</v>
      </c>
      <c r="BM182" s="52">
        <v>0</v>
      </c>
      <c r="BN182" s="39">
        <v>38</v>
      </c>
      <c r="BO182" s="52">
        <v>3</v>
      </c>
      <c r="BP182" s="52">
        <v>0</v>
      </c>
      <c r="BQ182" s="41">
        <v>3</v>
      </c>
      <c r="BT182" s="66"/>
    </row>
    <row r="183" spans="1:72" x14ac:dyDescent="0.15">
      <c r="A183" s="20" t="s">
        <v>89</v>
      </c>
      <c r="B183" s="26" t="s">
        <v>31</v>
      </c>
      <c r="C183" s="68"/>
      <c r="D183" s="42">
        <v>12100</v>
      </c>
      <c r="E183" s="40">
        <v>319</v>
      </c>
      <c r="F183" s="43">
        <v>12419</v>
      </c>
      <c r="G183" s="52">
        <v>160</v>
      </c>
      <c r="H183" s="52">
        <v>1</v>
      </c>
      <c r="I183" s="43">
        <v>161</v>
      </c>
      <c r="J183" s="52">
        <v>208</v>
      </c>
      <c r="K183" s="52">
        <v>2</v>
      </c>
      <c r="L183" s="43">
        <v>210</v>
      </c>
      <c r="M183" s="52">
        <v>340</v>
      </c>
      <c r="N183" s="52">
        <v>8</v>
      </c>
      <c r="O183" s="43">
        <v>348</v>
      </c>
      <c r="P183" s="52">
        <v>383</v>
      </c>
      <c r="Q183" s="52">
        <v>3</v>
      </c>
      <c r="R183" s="43">
        <v>386</v>
      </c>
      <c r="S183" s="52">
        <v>457</v>
      </c>
      <c r="T183" s="52">
        <v>44</v>
      </c>
      <c r="U183" s="43">
        <v>501</v>
      </c>
      <c r="V183" s="52">
        <v>366</v>
      </c>
      <c r="W183" s="52">
        <v>70</v>
      </c>
      <c r="X183" s="43">
        <v>436</v>
      </c>
      <c r="Y183" s="52">
        <v>320</v>
      </c>
      <c r="Z183" s="52">
        <v>49</v>
      </c>
      <c r="AA183" s="43">
        <v>369</v>
      </c>
      <c r="AB183" s="52">
        <v>372</v>
      </c>
      <c r="AC183" s="52">
        <v>13</v>
      </c>
      <c r="AD183" s="43">
        <v>385</v>
      </c>
      <c r="AE183" s="52">
        <v>468</v>
      </c>
      <c r="AF183" s="52">
        <v>16</v>
      </c>
      <c r="AG183" s="43">
        <v>484</v>
      </c>
      <c r="AH183" s="52">
        <v>680</v>
      </c>
      <c r="AI183" s="52">
        <v>16</v>
      </c>
      <c r="AJ183" s="43">
        <v>696</v>
      </c>
      <c r="AK183" s="52">
        <v>867</v>
      </c>
      <c r="AL183" s="52">
        <v>28</v>
      </c>
      <c r="AM183" s="43">
        <v>895</v>
      </c>
      <c r="AN183" s="52">
        <v>842</v>
      </c>
      <c r="AO183" s="52">
        <v>20</v>
      </c>
      <c r="AP183" s="43">
        <v>862</v>
      </c>
      <c r="AQ183" s="52">
        <v>828</v>
      </c>
      <c r="AR183" s="52">
        <v>21</v>
      </c>
      <c r="AS183" s="43">
        <v>849</v>
      </c>
      <c r="AT183" s="52">
        <v>900</v>
      </c>
      <c r="AU183" s="52">
        <v>10</v>
      </c>
      <c r="AV183" s="43">
        <v>910</v>
      </c>
      <c r="AW183" s="52">
        <v>1241</v>
      </c>
      <c r="AX183" s="52">
        <v>5</v>
      </c>
      <c r="AY183" s="43">
        <v>1246</v>
      </c>
      <c r="AZ183" s="52">
        <v>1278</v>
      </c>
      <c r="BA183" s="52">
        <v>2</v>
      </c>
      <c r="BB183" s="43">
        <v>1280</v>
      </c>
      <c r="BC183" s="52">
        <v>1108</v>
      </c>
      <c r="BD183" s="52">
        <v>6</v>
      </c>
      <c r="BE183" s="43">
        <v>1114</v>
      </c>
      <c r="BF183" s="52">
        <v>762</v>
      </c>
      <c r="BG183" s="52">
        <v>4</v>
      </c>
      <c r="BH183" s="43">
        <v>766</v>
      </c>
      <c r="BI183" s="52">
        <v>385</v>
      </c>
      <c r="BJ183" s="52">
        <v>1</v>
      </c>
      <c r="BK183" s="43">
        <v>386</v>
      </c>
      <c r="BL183" s="52">
        <v>116</v>
      </c>
      <c r="BM183" s="52">
        <v>0</v>
      </c>
      <c r="BN183" s="43">
        <v>116</v>
      </c>
      <c r="BO183" s="52">
        <v>19</v>
      </c>
      <c r="BP183" s="52">
        <v>0</v>
      </c>
      <c r="BQ183" s="44">
        <v>19</v>
      </c>
      <c r="BT183" s="66"/>
    </row>
    <row r="184" spans="1:72" ht="15" thickBot="1" x14ac:dyDescent="0.2">
      <c r="A184" s="59"/>
      <c r="B184" s="32" t="s">
        <v>32</v>
      </c>
      <c r="C184" s="69"/>
      <c r="D184" s="46">
        <v>22947</v>
      </c>
      <c r="E184" s="47">
        <v>536</v>
      </c>
      <c r="F184" s="48">
        <v>23483</v>
      </c>
      <c r="G184" s="49">
        <v>350</v>
      </c>
      <c r="H184" s="48">
        <v>5</v>
      </c>
      <c r="I184" s="48">
        <v>355</v>
      </c>
      <c r="J184" s="49">
        <v>467</v>
      </c>
      <c r="K184" s="48">
        <v>4</v>
      </c>
      <c r="L184" s="48">
        <v>471</v>
      </c>
      <c r="M184" s="49">
        <v>708</v>
      </c>
      <c r="N184" s="48">
        <v>10</v>
      </c>
      <c r="O184" s="48">
        <v>718</v>
      </c>
      <c r="P184" s="49">
        <v>821</v>
      </c>
      <c r="Q184" s="48">
        <v>11</v>
      </c>
      <c r="R184" s="48">
        <v>832</v>
      </c>
      <c r="S184" s="49">
        <v>888</v>
      </c>
      <c r="T184" s="48">
        <v>76</v>
      </c>
      <c r="U184" s="48">
        <v>964</v>
      </c>
      <c r="V184" s="49">
        <v>781</v>
      </c>
      <c r="W184" s="48">
        <v>121</v>
      </c>
      <c r="X184" s="48">
        <v>902</v>
      </c>
      <c r="Y184" s="49">
        <v>669</v>
      </c>
      <c r="Z184" s="48">
        <v>74</v>
      </c>
      <c r="AA184" s="48">
        <v>743</v>
      </c>
      <c r="AB184" s="49">
        <v>733</v>
      </c>
      <c r="AC184" s="48">
        <v>30</v>
      </c>
      <c r="AD184" s="48">
        <v>763</v>
      </c>
      <c r="AE184" s="49">
        <v>959</v>
      </c>
      <c r="AF184" s="48">
        <v>26</v>
      </c>
      <c r="AG184" s="48">
        <v>985</v>
      </c>
      <c r="AH184" s="49">
        <v>1402</v>
      </c>
      <c r="AI184" s="48">
        <v>27</v>
      </c>
      <c r="AJ184" s="48">
        <v>1429</v>
      </c>
      <c r="AK184" s="49">
        <v>1783</v>
      </c>
      <c r="AL184" s="48">
        <v>36</v>
      </c>
      <c r="AM184" s="48">
        <v>1819</v>
      </c>
      <c r="AN184" s="49">
        <v>1719</v>
      </c>
      <c r="AO184" s="48">
        <v>31</v>
      </c>
      <c r="AP184" s="48">
        <v>1750</v>
      </c>
      <c r="AQ184" s="49">
        <v>1679</v>
      </c>
      <c r="AR184" s="48">
        <v>26</v>
      </c>
      <c r="AS184" s="48">
        <v>1705</v>
      </c>
      <c r="AT184" s="49">
        <v>1775</v>
      </c>
      <c r="AU184" s="48">
        <v>19</v>
      </c>
      <c r="AV184" s="48">
        <v>1794</v>
      </c>
      <c r="AW184" s="49">
        <v>2268</v>
      </c>
      <c r="AX184" s="48">
        <v>16</v>
      </c>
      <c r="AY184" s="48">
        <v>2284</v>
      </c>
      <c r="AZ184" s="49">
        <v>2229</v>
      </c>
      <c r="BA184" s="48">
        <v>7</v>
      </c>
      <c r="BB184" s="48">
        <v>2236</v>
      </c>
      <c r="BC184" s="49">
        <v>1854</v>
      </c>
      <c r="BD184" s="48">
        <v>9</v>
      </c>
      <c r="BE184" s="48">
        <v>1863</v>
      </c>
      <c r="BF184" s="49">
        <v>1172</v>
      </c>
      <c r="BG184" s="48">
        <v>5</v>
      </c>
      <c r="BH184" s="48">
        <v>1177</v>
      </c>
      <c r="BI184" s="49">
        <v>514</v>
      </c>
      <c r="BJ184" s="48">
        <v>3</v>
      </c>
      <c r="BK184" s="48">
        <v>517</v>
      </c>
      <c r="BL184" s="49">
        <v>154</v>
      </c>
      <c r="BM184" s="48">
        <v>0</v>
      </c>
      <c r="BN184" s="48">
        <v>154</v>
      </c>
      <c r="BO184" s="49">
        <v>22</v>
      </c>
      <c r="BP184" s="48">
        <v>0</v>
      </c>
      <c r="BQ184" s="50">
        <v>22</v>
      </c>
      <c r="BT184" s="66"/>
    </row>
    <row r="185" spans="1:72" x14ac:dyDescent="0.15">
      <c r="A185" s="20"/>
      <c r="B185" s="21" t="s">
        <v>29</v>
      </c>
      <c r="C185" s="67">
        <v>144011</v>
      </c>
      <c r="D185" s="37">
        <v>18805</v>
      </c>
      <c r="E185" s="38">
        <v>1830</v>
      </c>
      <c r="F185" s="39">
        <v>20635</v>
      </c>
      <c r="G185" s="52">
        <v>456</v>
      </c>
      <c r="H185" s="52">
        <v>79</v>
      </c>
      <c r="I185" s="39">
        <v>535</v>
      </c>
      <c r="J185" s="52">
        <v>589</v>
      </c>
      <c r="K185" s="52">
        <v>73</v>
      </c>
      <c r="L185" s="39">
        <v>662</v>
      </c>
      <c r="M185" s="52">
        <v>735</v>
      </c>
      <c r="N185" s="52">
        <v>83</v>
      </c>
      <c r="O185" s="39">
        <v>818</v>
      </c>
      <c r="P185" s="52">
        <v>825</v>
      </c>
      <c r="Q185" s="52">
        <v>84</v>
      </c>
      <c r="R185" s="39">
        <v>909</v>
      </c>
      <c r="S185" s="52">
        <v>906</v>
      </c>
      <c r="T185" s="52">
        <v>216</v>
      </c>
      <c r="U185" s="39">
        <v>1122</v>
      </c>
      <c r="V185" s="52">
        <v>857</v>
      </c>
      <c r="W185" s="52">
        <v>327</v>
      </c>
      <c r="X185" s="39">
        <v>1184</v>
      </c>
      <c r="Y185" s="52">
        <v>839</v>
      </c>
      <c r="Z185" s="52">
        <v>197</v>
      </c>
      <c r="AA185" s="39">
        <v>1036</v>
      </c>
      <c r="AB185" s="52">
        <v>910</v>
      </c>
      <c r="AC185" s="52">
        <v>164</v>
      </c>
      <c r="AD185" s="39">
        <v>1074</v>
      </c>
      <c r="AE185" s="52">
        <v>1089</v>
      </c>
      <c r="AF185" s="52">
        <v>123</v>
      </c>
      <c r="AG185" s="39">
        <v>1212</v>
      </c>
      <c r="AH185" s="52">
        <v>1424</v>
      </c>
      <c r="AI185" s="52">
        <v>107</v>
      </c>
      <c r="AJ185" s="39">
        <v>1531</v>
      </c>
      <c r="AK185" s="52">
        <v>1798</v>
      </c>
      <c r="AL185" s="52">
        <v>120</v>
      </c>
      <c r="AM185" s="39">
        <v>1918</v>
      </c>
      <c r="AN185" s="52">
        <v>1398</v>
      </c>
      <c r="AO185" s="52">
        <v>107</v>
      </c>
      <c r="AP185" s="39">
        <v>1505</v>
      </c>
      <c r="AQ185" s="52">
        <v>1181</v>
      </c>
      <c r="AR185" s="52">
        <v>73</v>
      </c>
      <c r="AS185" s="39">
        <v>1254</v>
      </c>
      <c r="AT185" s="52">
        <v>1279</v>
      </c>
      <c r="AU185" s="52">
        <v>43</v>
      </c>
      <c r="AV185" s="39">
        <v>1322</v>
      </c>
      <c r="AW185" s="52">
        <v>1647</v>
      </c>
      <c r="AX185" s="52">
        <v>17</v>
      </c>
      <c r="AY185" s="39">
        <v>1664</v>
      </c>
      <c r="AZ185" s="52">
        <v>1294</v>
      </c>
      <c r="BA185" s="52">
        <v>10</v>
      </c>
      <c r="BB185" s="39">
        <v>1304</v>
      </c>
      <c r="BC185" s="52">
        <v>984</v>
      </c>
      <c r="BD185" s="52">
        <v>6</v>
      </c>
      <c r="BE185" s="39">
        <v>990</v>
      </c>
      <c r="BF185" s="52">
        <v>432</v>
      </c>
      <c r="BG185" s="52">
        <v>0</v>
      </c>
      <c r="BH185" s="39">
        <v>432</v>
      </c>
      <c r="BI185" s="52">
        <v>141</v>
      </c>
      <c r="BJ185" s="52">
        <v>1</v>
      </c>
      <c r="BK185" s="39">
        <v>142</v>
      </c>
      <c r="BL185" s="52">
        <v>19</v>
      </c>
      <c r="BM185" s="52">
        <v>0</v>
      </c>
      <c r="BN185" s="39">
        <v>19</v>
      </c>
      <c r="BO185" s="52">
        <v>2</v>
      </c>
      <c r="BP185" s="52">
        <v>0</v>
      </c>
      <c r="BQ185" s="41">
        <v>2</v>
      </c>
      <c r="BT185" s="66"/>
    </row>
    <row r="186" spans="1:72" x14ac:dyDescent="0.15">
      <c r="A186" s="20" t="s">
        <v>90</v>
      </c>
      <c r="B186" s="26" t="s">
        <v>31</v>
      </c>
      <c r="C186" s="68"/>
      <c r="D186" s="42">
        <v>17301</v>
      </c>
      <c r="E186" s="40">
        <v>1562</v>
      </c>
      <c r="F186" s="43">
        <v>18863</v>
      </c>
      <c r="G186" s="52">
        <v>393</v>
      </c>
      <c r="H186" s="52">
        <v>82</v>
      </c>
      <c r="I186" s="43">
        <v>475</v>
      </c>
      <c r="J186" s="52">
        <v>568</v>
      </c>
      <c r="K186" s="52">
        <v>77</v>
      </c>
      <c r="L186" s="43">
        <v>645</v>
      </c>
      <c r="M186" s="52">
        <v>647</v>
      </c>
      <c r="N186" s="52">
        <v>63</v>
      </c>
      <c r="O186" s="43">
        <v>710</v>
      </c>
      <c r="P186" s="52">
        <v>777</v>
      </c>
      <c r="Q186" s="52">
        <v>72</v>
      </c>
      <c r="R186" s="43">
        <v>849</v>
      </c>
      <c r="S186" s="52">
        <v>781</v>
      </c>
      <c r="T186" s="52">
        <v>158</v>
      </c>
      <c r="U186" s="43">
        <v>939</v>
      </c>
      <c r="V186" s="52">
        <v>618</v>
      </c>
      <c r="W186" s="52">
        <v>175</v>
      </c>
      <c r="X186" s="43">
        <v>793</v>
      </c>
      <c r="Y186" s="52">
        <v>633</v>
      </c>
      <c r="Z186" s="52">
        <v>142</v>
      </c>
      <c r="AA186" s="43">
        <v>775</v>
      </c>
      <c r="AB186" s="52">
        <v>755</v>
      </c>
      <c r="AC186" s="52">
        <v>117</v>
      </c>
      <c r="AD186" s="43">
        <v>872</v>
      </c>
      <c r="AE186" s="52">
        <v>907</v>
      </c>
      <c r="AF186" s="52">
        <v>122</v>
      </c>
      <c r="AG186" s="43">
        <v>1029</v>
      </c>
      <c r="AH186" s="52">
        <v>1188</v>
      </c>
      <c r="AI186" s="52">
        <v>120</v>
      </c>
      <c r="AJ186" s="43">
        <v>1308</v>
      </c>
      <c r="AK186" s="52">
        <v>1358</v>
      </c>
      <c r="AL186" s="52">
        <v>145</v>
      </c>
      <c r="AM186" s="43">
        <v>1503</v>
      </c>
      <c r="AN186" s="52">
        <v>1159</v>
      </c>
      <c r="AO186" s="52">
        <v>108</v>
      </c>
      <c r="AP186" s="43">
        <v>1267</v>
      </c>
      <c r="AQ186" s="52">
        <v>1075</v>
      </c>
      <c r="AR186" s="52">
        <v>75</v>
      </c>
      <c r="AS186" s="43">
        <v>1150</v>
      </c>
      <c r="AT186" s="52">
        <v>1204</v>
      </c>
      <c r="AU186" s="52">
        <v>46</v>
      </c>
      <c r="AV186" s="43">
        <v>1250</v>
      </c>
      <c r="AW186" s="52">
        <v>1658</v>
      </c>
      <c r="AX186" s="52">
        <v>33</v>
      </c>
      <c r="AY186" s="43">
        <v>1691</v>
      </c>
      <c r="AZ186" s="52">
        <v>1455</v>
      </c>
      <c r="BA186" s="52">
        <v>17</v>
      </c>
      <c r="BB186" s="43">
        <v>1472</v>
      </c>
      <c r="BC186" s="52">
        <v>1146</v>
      </c>
      <c r="BD186" s="52">
        <v>6</v>
      </c>
      <c r="BE186" s="43">
        <v>1152</v>
      </c>
      <c r="BF186" s="52">
        <v>602</v>
      </c>
      <c r="BG186" s="52">
        <v>4</v>
      </c>
      <c r="BH186" s="43">
        <v>606</v>
      </c>
      <c r="BI186" s="52">
        <v>269</v>
      </c>
      <c r="BJ186" s="52">
        <v>0</v>
      </c>
      <c r="BK186" s="43">
        <v>269</v>
      </c>
      <c r="BL186" s="52">
        <v>92</v>
      </c>
      <c r="BM186" s="52">
        <v>0</v>
      </c>
      <c r="BN186" s="43">
        <v>92</v>
      </c>
      <c r="BO186" s="52">
        <v>16</v>
      </c>
      <c r="BP186" s="52">
        <v>0</v>
      </c>
      <c r="BQ186" s="44">
        <v>16</v>
      </c>
      <c r="BT186" s="66"/>
    </row>
    <row r="187" spans="1:72" ht="15" thickBot="1" x14ac:dyDescent="0.2">
      <c r="A187" s="59"/>
      <c r="B187" s="32" t="s">
        <v>32</v>
      </c>
      <c r="C187" s="69"/>
      <c r="D187" s="46">
        <v>36106</v>
      </c>
      <c r="E187" s="47">
        <v>3392</v>
      </c>
      <c r="F187" s="48">
        <v>39498</v>
      </c>
      <c r="G187" s="49">
        <v>849</v>
      </c>
      <c r="H187" s="48">
        <v>161</v>
      </c>
      <c r="I187" s="48">
        <v>1010</v>
      </c>
      <c r="J187" s="49">
        <v>1157</v>
      </c>
      <c r="K187" s="48">
        <v>150</v>
      </c>
      <c r="L187" s="48">
        <v>1307</v>
      </c>
      <c r="M187" s="49">
        <v>1382</v>
      </c>
      <c r="N187" s="48">
        <v>146</v>
      </c>
      <c r="O187" s="48">
        <v>1528</v>
      </c>
      <c r="P187" s="49">
        <v>1602</v>
      </c>
      <c r="Q187" s="48">
        <v>156</v>
      </c>
      <c r="R187" s="48">
        <v>1758</v>
      </c>
      <c r="S187" s="49">
        <v>1687</v>
      </c>
      <c r="T187" s="48">
        <v>374</v>
      </c>
      <c r="U187" s="48">
        <v>2061</v>
      </c>
      <c r="V187" s="49">
        <v>1475</v>
      </c>
      <c r="W187" s="48">
        <v>502</v>
      </c>
      <c r="X187" s="48">
        <v>1977</v>
      </c>
      <c r="Y187" s="49">
        <v>1472</v>
      </c>
      <c r="Z187" s="48">
        <v>339</v>
      </c>
      <c r="AA187" s="48">
        <v>1811</v>
      </c>
      <c r="AB187" s="49">
        <v>1665</v>
      </c>
      <c r="AC187" s="48">
        <v>281</v>
      </c>
      <c r="AD187" s="48">
        <v>1946</v>
      </c>
      <c r="AE187" s="49">
        <v>1996</v>
      </c>
      <c r="AF187" s="48">
        <v>245</v>
      </c>
      <c r="AG187" s="48">
        <v>2241</v>
      </c>
      <c r="AH187" s="49">
        <v>2612</v>
      </c>
      <c r="AI187" s="48">
        <v>227</v>
      </c>
      <c r="AJ187" s="48">
        <v>2839</v>
      </c>
      <c r="AK187" s="49">
        <v>3156</v>
      </c>
      <c r="AL187" s="48">
        <v>265</v>
      </c>
      <c r="AM187" s="48">
        <v>3421</v>
      </c>
      <c r="AN187" s="49">
        <v>2557</v>
      </c>
      <c r="AO187" s="48">
        <v>215</v>
      </c>
      <c r="AP187" s="48">
        <v>2772</v>
      </c>
      <c r="AQ187" s="49">
        <v>2256</v>
      </c>
      <c r="AR187" s="48">
        <v>148</v>
      </c>
      <c r="AS187" s="48">
        <v>2404</v>
      </c>
      <c r="AT187" s="49">
        <v>2483</v>
      </c>
      <c r="AU187" s="48">
        <v>89</v>
      </c>
      <c r="AV187" s="48">
        <v>2572</v>
      </c>
      <c r="AW187" s="49">
        <v>3305</v>
      </c>
      <c r="AX187" s="48">
        <v>50</v>
      </c>
      <c r="AY187" s="48">
        <v>3355</v>
      </c>
      <c r="AZ187" s="49">
        <v>2749</v>
      </c>
      <c r="BA187" s="48">
        <v>27</v>
      </c>
      <c r="BB187" s="48">
        <v>2776</v>
      </c>
      <c r="BC187" s="49">
        <v>2130</v>
      </c>
      <c r="BD187" s="48">
        <v>12</v>
      </c>
      <c r="BE187" s="48">
        <v>2142</v>
      </c>
      <c r="BF187" s="49">
        <v>1034</v>
      </c>
      <c r="BG187" s="48">
        <v>4</v>
      </c>
      <c r="BH187" s="48">
        <v>1038</v>
      </c>
      <c r="BI187" s="49">
        <v>410</v>
      </c>
      <c r="BJ187" s="48">
        <v>1</v>
      </c>
      <c r="BK187" s="48">
        <v>411</v>
      </c>
      <c r="BL187" s="49">
        <v>111</v>
      </c>
      <c r="BM187" s="48">
        <v>0</v>
      </c>
      <c r="BN187" s="48">
        <v>111</v>
      </c>
      <c r="BO187" s="49">
        <v>18</v>
      </c>
      <c r="BP187" s="48">
        <v>0</v>
      </c>
      <c r="BQ187" s="50">
        <v>18</v>
      </c>
      <c r="BT187" s="66"/>
    </row>
    <row r="188" spans="1:72" x14ac:dyDescent="0.15">
      <c r="A188" s="20"/>
      <c r="B188" s="21" t="s">
        <v>29</v>
      </c>
      <c r="C188" s="67">
        <v>144029</v>
      </c>
      <c r="D188" s="37">
        <v>1376</v>
      </c>
      <c r="E188" s="38">
        <v>37</v>
      </c>
      <c r="F188" s="39">
        <v>1413</v>
      </c>
      <c r="G188" s="52">
        <v>27</v>
      </c>
      <c r="H188" s="60">
        <v>0</v>
      </c>
      <c r="I188" s="39">
        <v>27</v>
      </c>
      <c r="J188" s="52">
        <v>42</v>
      </c>
      <c r="K188" s="60">
        <v>0</v>
      </c>
      <c r="L188" s="39">
        <v>42</v>
      </c>
      <c r="M188" s="52">
        <v>50</v>
      </c>
      <c r="N188" s="60">
        <v>1</v>
      </c>
      <c r="O188" s="39">
        <v>51</v>
      </c>
      <c r="P188" s="52">
        <v>61</v>
      </c>
      <c r="Q188" s="60">
        <v>6</v>
      </c>
      <c r="R188" s="39">
        <v>67</v>
      </c>
      <c r="S188" s="52">
        <v>46</v>
      </c>
      <c r="T188" s="60">
        <v>4</v>
      </c>
      <c r="U188" s="39">
        <v>50</v>
      </c>
      <c r="V188" s="52">
        <v>39</v>
      </c>
      <c r="W188" s="60">
        <v>11</v>
      </c>
      <c r="X188" s="39">
        <v>50</v>
      </c>
      <c r="Y188" s="52">
        <v>46</v>
      </c>
      <c r="Z188" s="60">
        <v>7</v>
      </c>
      <c r="AA188" s="39">
        <v>53</v>
      </c>
      <c r="AB188" s="52">
        <v>67</v>
      </c>
      <c r="AC188" s="60">
        <v>4</v>
      </c>
      <c r="AD188" s="39">
        <v>71</v>
      </c>
      <c r="AE188" s="52">
        <v>82</v>
      </c>
      <c r="AF188" s="60">
        <v>0</v>
      </c>
      <c r="AG188" s="39">
        <v>82</v>
      </c>
      <c r="AH188" s="52">
        <v>107</v>
      </c>
      <c r="AI188" s="60">
        <v>2</v>
      </c>
      <c r="AJ188" s="39">
        <v>109</v>
      </c>
      <c r="AK188" s="52">
        <v>120</v>
      </c>
      <c r="AL188" s="60">
        <v>2</v>
      </c>
      <c r="AM188" s="39">
        <v>122</v>
      </c>
      <c r="AN188" s="52">
        <v>93</v>
      </c>
      <c r="AO188" s="60">
        <v>0</v>
      </c>
      <c r="AP188" s="39">
        <v>93</v>
      </c>
      <c r="AQ188" s="52">
        <v>92</v>
      </c>
      <c r="AR188" s="60">
        <v>0</v>
      </c>
      <c r="AS188" s="39">
        <v>92</v>
      </c>
      <c r="AT188" s="52">
        <v>136</v>
      </c>
      <c r="AU188" s="60">
        <v>0</v>
      </c>
      <c r="AV188" s="39">
        <v>136</v>
      </c>
      <c r="AW188" s="52">
        <v>121</v>
      </c>
      <c r="AX188" s="60">
        <v>0</v>
      </c>
      <c r="AY188" s="39">
        <v>121</v>
      </c>
      <c r="AZ188" s="52">
        <v>125</v>
      </c>
      <c r="BA188" s="60">
        <v>0</v>
      </c>
      <c r="BB188" s="39">
        <v>125</v>
      </c>
      <c r="BC188" s="52">
        <v>71</v>
      </c>
      <c r="BD188" s="60">
        <v>0</v>
      </c>
      <c r="BE188" s="39">
        <v>71</v>
      </c>
      <c r="BF188" s="52">
        <v>32</v>
      </c>
      <c r="BG188" s="60">
        <v>0</v>
      </c>
      <c r="BH188" s="39">
        <v>32</v>
      </c>
      <c r="BI188" s="52">
        <v>15</v>
      </c>
      <c r="BJ188" s="60">
        <v>0</v>
      </c>
      <c r="BK188" s="39">
        <v>15</v>
      </c>
      <c r="BL188" s="52">
        <v>4</v>
      </c>
      <c r="BM188" s="60">
        <v>0</v>
      </c>
      <c r="BN188" s="39">
        <v>4</v>
      </c>
      <c r="BO188" s="52">
        <v>0</v>
      </c>
      <c r="BP188" s="60">
        <v>0</v>
      </c>
      <c r="BQ188" s="41">
        <v>0</v>
      </c>
      <c r="BT188" s="66"/>
    </row>
    <row r="189" spans="1:72" x14ac:dyDescent="0.15">
      <c r="A189" s="20" t="s">
        <v>91</v>
      </c>
      <c r="B189" s="26" t="s">
        <v>31</v>
      </c>
      <c r="C189" s="68"/>
      <c r="D189" s="27">
        <v>1324</v>
      </c>
      <c r="E189" s="29">
        <v>27</v>
      </c>
      <c r="F189" s="43">
        <v>1351</v>
      </c>
      <c r="G189" s="52">
        <v>19</v>
      </c>
      <c r="H189" s="60">
        <v>1</v>
      </c>
      <c r="I189" s="43">
        <v>20</v>
      </c>
      <c r="J189" s="52">
        <v>47</v>
      </c>
      <c r="K189" s="60">
        <v>1</v>
      </c>
      <c r="L189" s="43">
        <v>48</v>
      </c>
      <c r="M189" s="52">
        <v>51</v>
      </c>
      <c r="N189" s="60">
        <v>1</v>
      </c>
      <c r="O189" s="43">
        <v>52</v>
      </c>
      <c r="P189" s="52">
        <v>59</v>
      </c>
      <c r="Q189" s="60">
        <v>0</v>
      </c>
      <c r="R189" s="43">
        <v>59</v>
      </c>
      <c r="S189" s="52">
        <v>38</v>
      </c>
      <c r="T189" s="60">
        <v>4</v>
      </c>
      <c r="U189" s="43">
        <v>42</v>
      </c>
      <c r="V189" s="52">
        <v>22</v>
      </c>
      <c r="W189" s="60">
        <v>8</v>
      </c>
      <c r="X189" s="43">
        <v>30</v>
      </c>
      <c r="Y189" s="52">
        <v>36</v>
      </c>
      <c r="Z189" s="60">
        <v>1</v>
      </c>
      <c r="AA189" s="43">
        <v>37</v>
      </c>
      <c r="AB189" s="52">
        <v>60</v>
      </c>
      <c r="AC189" s="60">
        <v>2</v>
      </c>
      <c r="AD189" s="43">
        <v>62</v>
      </c>
      <c r="AE189" s="52">
        <v>80</v>
      </c>
      <c r="AF189" s="60">
        <v>1</v>
      </c>
      <c r="AG189" s="43">
        <v>81</v>
      </c>
      <c r="AH189" s="52">
        <v>80</v>
      </c>
      <c r="AI189" s="60">
        <v>1</v>
      </c>
      <c r="AJ189" s="43">
        <v>81</v>
      </c>
      <c r="AK189" s="52">
        <v>93</v>
      </c>
      <c r="AL189" s="60">
        <v>2</v>
      </c>
      <c r="AM189" s="43">
        <v>95</v>
      </c>
      <c r="AN189" s="52">
        <v>88</v>
      </c>
      <c r="AO189" s="60">
        <v>1</v>
      </c>
      <c r="AP189" s="43">
        <v>89</v>
      </c>
      <c r="AQ189" s="52">
        <v>94</v>
      </c>
      <c r="AR189" s="60">
        <v>2</v>
      </c>
      <c r="AS189" s="43">
        <v>96</v>
      </c>
      <c r="AT189" s="52">
        <v>109</v>
      </c>
      <c r="AU189" s="60">
        <v>0</v>
      </c>
      <c r="AV189" s="43">
        <v>109</v>
      </c>
      <c r="AW189" s="52">
        <v>152</v>
      </c>
      <c r="AX189" s="60">
        <v>0</v>
      </c>
      <c r="AY189" s="43">
        <v>152</v>
      </c>
      <c r="AZ189" s="52">
        <v>109</v>
      </c>
      <c r="BA189" s="60">
        <v>2</v>
      </c>
      <c r="BB189" s="43">
        <v>111</v>
      </c>
      <c r="BC189" s="52">
        <v>83</v>
      </c>
      <c r="BD189" s="60">
        <v>0</v>
      </c>
      <c r="BE189" s="43">
        <v>83</v>
      </c>
      <c r="BF189" s="52">
        <v>65</v>
      </c>
      <c r="BG189" s="60">
        <v>0</v>
      </c>
      <c r="BH189" s="43">
        <v>65</v>
      </c>
      <c r="BI189" s="52">
        <v>23</v>
      </c>
      <c r="BJ189" s="60">
        <v>0</v>
      </c>
      <c r="BK189" s="43">
        <v>23</v>
      </c>
      <c r="BL189" s="52">
        <v>15</v>
      </c>
      <c r="BM189" s="60">
        <v>0</v>
      </c>
      <c r="BN189" s="43">
        <v>15</v>
      </c>
      <c r="BO189" s="52">
        <v>1</v>
      </c>
      <c r="BP189" s="60">
        <v>0</v>
      </c>
      <c r="BQ189" s="44">
        <v>1</v>
      </c>
      <c r="BT189" s="66"/>
    </row>
    <row r="190" spans="1:72" ht="15" thickBot="1" x14ac:dyDescent="0.2">
      <c r="A190" s="61"/>
      <c r="B190" s="32" t="s">
        <v>32</v>
      </c>
      <c r="C190" s="69"/>
      <c r="D190" s="62">
        <v>2700</v>
      </c>
      <c r="E190" s="48">
        <v>64</v>
      </c>
      <c r="F190" s="48">
        <v>2764</v>
      </c>
      <c r="G190" s="49">
        <v>46</v>
      </c>
      <c r="H190" s="63">
        <v>1</v>
      </c>
      <c r="I190" s="48">
        <v>47</v>
      </c>
      <c r="J190" s="49">
        <v>89</v>
      </c>
      <c r="K190" s="63">
        <v>1</v>
      </c>
      <c r="L190" s="48">
        <v>90</v>
      </c>
      <c r="M190" s="49">
        <v>101</v>
      </c>
      <c r="N190" s="63">
        <v>2</v>
      </c>
      <c r="O190" s="48">
        <v>103</v>
      </c>
      <c r="P190" s="49">
        <v>120</v>
      </c>
      <c r="Q190" s="63">
        <v>6</v>
      </c>
      <c r="R190" s="48">
        <v>126</v>
      </c>
      <c r="S190" s="49">
        <v>84</v>
      </c>
      <c r="T190" s="63">
        <v>8</v>
      </c>
      <c r="U190" s="48">
        <v>92</v>
      </c>
      <c r="V190" s="49">
        <v>61</v>
      </c>
      <c r="W190" s="63">
        <v>19</v>
      </c>
      <c r="X190" s="48">
        <v>80</v>
      </c>
      <c r="Y190" s="49">
        <v>82</v>
      </c>
      <c r="Z190" s="63">
        <v>8</v>
      </c>
      <c r="AA190" s="48">
        <v>90</v>
      </c>
      <c r="AB190" s="49">
        <v>127</v>
      </c>
      <c r="AC190" s="63">
        <v>6</v>
      </c>
      <c r="AD190" s="48">
        <v>133</v>
      </c>
      <c r="AE190" s="49">
        <v>162</v>
      </c>
      <c r="AF190" s="63">
        <v>1</v>
      </c>
      <c r="AG190" s="48">
        <v>163</v>
      </c>
      <c r="AH190" s="49">
        <v>187</v>
      </c>
      <c r="AI190" s="63">
        <v>3</v>
      </c>
      <c r="AJ190" s="48">
        <v>190</v>
      </c>
      <c r="AK190" s="49">
        <v>213</v>
      </c>
      <c r="AL190" s="63">
        <v>4</v>
      </c>
      <c r="AM190" s="48">
        <v>217</v>
      </c>
      <c r="AN190" s="49">
        <v>181</v>
      </c>
      <c r="AO190" s="63">
        <v>1</v>
      </c>
      <c r="AP190" s="48">
        <v>182</v>
      </c>
      <c r="AQ190" s="49">
        <v>186</v>
      </c>
      <c r="AR190" s="63">
        <v>2</v>
      </c>
      <c r="AS190" s="48">
        <v>188</v>
      </c>
      <c r="AT190" s="49">
        <v>245</v>
      </c>
      <c r="AU190" s="63">
        <v>0</v>
      </c>
      <c r="AV190" s="48">
        <v>245</v>
      </c>
      <c r="AW190" s="49">
        <v>273</v>
      </c>
      <c r="AX190" s="63">
        <v>0</v>
      </c>
      <c r="AY190" s="48">
        <v>273</v>
      </c>
      <c r="AZ190" s="49">
        <v>234</v>
      </c>
      <c r="BA190" s="63">
        <v>2</v>
      </c>
      <c r="BB190" s="48">
        <v>236</v>
      </c>
      <c r="BC190" s="49">
        <v>154</v>
      </c>
      <c r="BD190" s="63">
        <v>0</v>
      </c>
      <c r="BE190" s="48">
        <v>154</v>
      </c>
      <c r="BF190" s="49">
        <v>97</v>
      </c>
      <c r="BG190" s="63">
        <v>0</v>
      </c>
      <c r="BH190" s="48">
        <v>97</v>
      </c>
      <c r="BI190" s="49">
        <v>38</v>
      </c>
      <c r="BJ190" s="63">
        <v>0</v>
      </c>
      <c r="BK190" s="48">
        <v>38</v>
      </c>
      <c r="BL190" s="49">
        <v>19</v>
      </c>
      <c r="BM190" s="63">
        <v>0</v>
      </c>
      <c r="BN190" s="48">
        <v>19</v>
      </c>
      <c r="BO190" s="49">
        <v>1</v>
      </c>
      <c r="BP190" s="63">
        <v>0</v>
      </c>
      <c r="BQ190" s="50">
        <v>1</v>
      </c>
      <c r="BT190" s="66"/>
    </row>
  </sheetData>
  <mergeCells count="64">
    <mergeCell ref="C20:C22"/>
    <mergeCell ref="A2:C2"/>
    <mergeCell ref="C3:C4"/>
    <mergeCell ref="C5:C7"/>
    <mergeCell ref="C8:C10"/>
    <mergeCell ref="C11:C13"/>
    <mergeCell ref="C14:C16"/>
    <mergeCell ref="C17:C19"/>
    <mergeCell ref="C56:C58"/>
    <mergeCell ref="C23:C25"/>
    <mergeCell ref="C26:C28"/>
    <mergeCell ref="C29:C31"/>
    <mergeCell ref="C32:C34"/>
    <mergeCell ref="C35:C37"/>
    <mergeCell ref="C38:C40"/>
    <mergeCell ref="C41:C43"/>
    <mergeCell ref="C44:C46"/>
    <mergeCell ref="C47:C49"/>
    <mergeCell ref="C50:C52"/>
    <mergeCell ref="C53:C55"/>
    <mergeCell ref="C92:C94"/>
    <mergeCell ref="C59:C61"/>
    <mergeCell ref="C62:C64"/>
    <mergeCell ref="C65:C67"/>
    <mergeCell ref="C68:C70"/>
    <mergeCell ref="C71:C73"/>
    <mergeCell ref="C74:C76"/>
    <mergeCell ref="C77:C79"/>
    <mergeCell ref="C80:C82"/>
    <mergeCell ref="C83:C85"/>
    <mergeCell ref="C86:C88"/>
    <mergeCell ref="C89:C91"/>
    <mergeCell ref="C128:C130"/>
    <mergeCell ref="C95:C97"/>
    <mergeCell ref="C98:C100"/>
    <mergeCell ref="C101:C103"/>
    <mergeCell ref="C104:C106"/>
    <mergeCell ref="C107:C109"/>
    <mergeCell ref="C110:C112"/>
    <mergeCell ref="C113:C115"/>
    <mergeCell ref="C116:C118"/>
    <mergeCell ref="C119:C121"/>
    <mergeCell ref="C122:C124"/>
    <mergeCell ref="C125:C127"/>
    <mergeCell ref="C164:C166"/>
    <mergeCell ref="C131:C133"/>
    <mergeCell ref="C134:C136"/>
    <mergeCell ref="C137:C139"/>
    <mergeCell ref="C140:C142"/>
    <mergeCell ref="C143:C145"/>
    <mergeCell ref="C146:C148"/>
    <mergeCell ref="C149:C151"/>
    <mergeCell ref="C152:C154"/>
    <mergeCell ref="C155:C157"/>
    <mergeCell ref="C158:C160"/>
    <mergeCell ref="C161:C163"/>
    <mergeCell ref="C185:C187"/>
    <mergeCell ref="C188:C190"/>
    <mergeCell ref="C167:C169"/>
    <mergeCell ref="C170:C172"/>
    <mergeCell ref="C173:C175"/>
    <mergeCell ref="C176:C178"/>
    <mergeCell ref="C179:C181"/>
    <mergeCell ref="C182:C184"/>
  </mergeCells>
  <phoneticPr fontId="1"/>
  <pageMargins left="0.70866141732283472" right="0.70866141732283472" top="0.74803149606299213" bottom="0.74803149606299213" header="0.31496062992125984" footer="0.31496062992125984"/>
  <pageSetup paperSize="8" scale="52" orientation="landscape" r:id="rId1"/>
  <rowBreaks count="1" manualBreakCount="1">
    <brk id="100" max="68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heet1</vt:lpstr>
      <vt:lpstr>Sheet1!Print_Area</vt:lpstr>
      <vt:lpstr>Sheet1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Ryo OTANI</cp:lastModifiedBy>
  <cp:lastPrinted>2022-03-28T09:08:49Z</cp:lastPrinted>
  <dcterms:created xsi:type="dcterms:W3CDTF">2020-02-28T02:22:46Z</dcterms:created>
  <dcterms:modified xsi:type="dcterms:W3CDTF">2024-03-19T08:12:53Z</dcterms:modified>
</cp:coreProperties>
</file>